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readi_000\Box Sync\s28\"/>
    </mc:Choice>
  </mc:AlternateContent>
  <xr:revisionPtr revIDLastSave="0" documentId="10_ncr:100000_{2BA5EBC3-13A4-43A9-A83A-CB0A3CE1FCB7}" xr6:coauthVersionLast="31" xr6:coauthVersionMax="31" xr10:uidLastSave="{00000000-0000-0000-0000-000000000000}"/>
  <bookViews>
    <workbookView xWindow="0" yWindow="0" windowWidth="28800" windowHeight="12225" activeTab="1" xr2:uid="{14B1624C-697C-4BC5-B253-0746D37248F3}"/>
  </bookViews>
  <sheets>
    <sheet name="F41 Pool" sheetId="1" r:id="rId1"/>
    <sheet name="F41_Bid_Results" sheetId="3" r:id="rId2"/>
  </sheet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5" uniqueCount="326">
  <si>
    <t>The Forgotten 41:</t>
  </si>
  <si>
    <t>TE</t>
  </si>
  <si>
    <t>Barnes, Khalif</t>
  </si>
  <si>
    <t>05/2</t>
  </si>
  <si>
    <t>05/1(21)</t>
  </si>
  <si>
    <t>ARI</t>
  </si>
  <si>
    <t>4</t>
  </si>
  <si>
    <t>T/TE</t>
  </si>
  <si>
    <t>OAK</t>
  </si>
  <si>
    <t>0-2/4</t>
  </si>
  <si>
    <t>RT/G/TE</t>
  </si>
  <si>
    <t>4-3/0-3/4</t>
  </si>
  <si>
    <t>T/LG</t>
  </si>
  <si>
    <t>4-4/0-4</t>
  </si>
  <si>
    <t>RT</t>
  </si>
  <si>
    <t>0-4</t>
  </si>
  <si>
    <t>0-5</t>
  </si>
  <si>
    <t>T</t>
  </si>
  <si>
    <t>0-0</t>
  </si>
  <si>
    <t>4-0</t>
  </si>
  <si>
    <t>LT</t>
  </si>
  <si>
    <t>JAX</t>
  </si>
  <si>
    <t>4-3</t>
  </si>
  <si>
    <t>4-5</t>
  </si>
  <si>
    <t>4-4</t>
  </si>
  <si>
    <t>DB</t>
  </si>
  <si>
    <t>Brooks, Terrence</t>
  </si>
  <si>
    <t>14/3</t>
  </si>
  <si>
    <t>14/10</t>
  </si>
  <si>
    <t>NYJ</t>
  </si>
  <si>
    <t>00</t>
  </si>
  <si>
    <t>BAL</t>
  </si>
  <si>
    <t>FL</t>
  </si>
  <si>
    <t>Brown, Jaron</t>
  </si>
  <si>
    <t>13/FA</t>
  </si>
  <si>
    <t>14/8</t>
  </si>
  <si>
    <t>WR</t>
  </si>
  <si>
    <t>FB</t>
  </si>
  <si>
    <t>Coleman, Derrick</t>
  </si>
  <si>
    <t>12/FA</t>
  </si>
  <si>
    <t>13/6</t>
  </si>
  <si>
    <t>ATL</t>
  </si>
  <si>
    <t>0-2  2</t>
  </si>
  <si>
    <t>SEA</t>
  </si>
  <si>
    <t>5-4</t>
  </si>
  <si>
    <t>LE</t>
  </si>
  <si>
    <t>Davis, Carl</t>
  </si>
  <si>
    <t>15/3</t>
  </si>
  <si>
    <t>15/10</t>
  </si>
  <si>
    <t>5-1</t>
  </si>
  <si>
    <t>NT/DE</t>
  </si>
  <si>
    <t>Dixon, Brandon</t>
  </si>
  <si>
    <t>14/6</t>
  </si>
  <si>
    <t>NYG</t>
  </si>
  <si>
    <t>TB</t>
  </si>
  <si>
    <t>SS</t>
  </si>
  <si>
    <t>Everett, Deshazor</t>
  </si>
  <si>
    <t>15/FA</t>
  </si>
  <si>
    <t>WAS</t>
  </si>
  <si>
    <t>40</t>
  </si>
  <si>
    <t>DT</t>
  </si>
  <si>
    <t>Francis, A.J.</t>
  </si>
  <si>
    <t>LB</t>
  </si>
  <si>
    <t>Freeny, Jonathan</t>
  </si>
  <si>
    <t>11/FA</t>
  </si>
  <si>
    <t>15/7</t>
  </si>
  <si>
    <t>NO</t>
  </si>
  <si>
    <t>00-0</t>
  </si>
  <si>
    <t>MLB</t>
  </si>
  <si>
    <t>NE</t>
  </si>
  <si>
    <t>00-3</t>
  </si>
  <si>
    <t>MIA</t>
  </si>
  <si>
    <t>00-4</t>
  </si>
  <si>
    <t>OLB</t>
  </si>
  <si>
    <t>ILB</t>
  </si>
  <si>
    <t>George, Jeremiah</t>
  </si>
  <si>
    <t>14/5</t>
  </si>
  <si>
    <t>IND</t>
  </si>
  <si>
    <t>BB/TE</t>
  </si>
  <si>
    <t>Hanna, James</t>
  </si>
  <si>
    <t>12/6</t>
  </si>
  <si>
    <t>12/9</t>
  </si>
  <si>
    <t>DAL</t>
  </si>
  <si>
    <t>5-3/0</t>
  </si>
  <si>
    <t>5-3/6</t>
  </si>
  <si>
    <t>5-0</t>
  </si>
  <si>
    <t>TE/BB</t>
  </si>
  <si>
    <t>4/0-4</t>
  </si>
  <si>
    <t>DE</t>
  </si>
  <si>
    <t>Harris, Shelby</t>
  </si>
  <si>
    <t>14/7</t>
  </si>
  <si>
    <t>DEN</t>
  </si>
  <si>
    <t>4-6</t>
  </si>
  <si>
    <t>0-1</t>
  </si>
  <si>
    <t>Hoomanawanui, Michael</t>
  </si>
  <si>
    <t>10/5</t>
  </si>
  <si>
    <t>12/10</t>
  </si>
  <si>
    <t>4-4/0</t>
  </si>
  <si>
    <t>0-7/4</t>
  </si>
  <si>
    <t>4/0-0</t>
  </si>
  <si>
    <t>STL</t>
  </si>
  <si>
    <t>Houston, Lamarr</t>
  </si>
  <si>
    <t>10/2</t>
  </si>
  <si>
    <t>10/1(13)</t>
  </si>
  <si>
    <t>CHI</t>
  </si>
  <si>
    <t>00-8</t>
  </si>
  <si>
    <t>44-12-1*</t>
  </si>
  <si>
    <t>4-2</t>
  </si>
  <si>
    <t>RE</t>
  </si>
  <si>
    <t>5-6</t>
  </si>
  <si>
    <t>5-5</t>
  </si>
  <si>
    <t>LE/DT</t>
  </si>
  <si>
    <t>Jacobs, Ben</t>
  </si>
  <si>
    <t>CAR</t>
  </si>
  <si>
    <t>NT</t>
  </si>
  <si>
    <t>Jenkins, John</t>
  </si>
  <si>
    <t>13/3</t>
  </si>
  <si>
    <t>13/7</t>
  </si>
  <si>
    <t>LDT</t>
  </si>
  <si>
    <t>4-1</t>
  </si>
  <si>
    <t>0-2</t>
  </si>
  <si>
    <t>Johnson, George</t>
  </si>
  <si>
    <t>10/FA</t>
  </si>
  <si>
    <t>0-3</t>
  </si>
  <si>
    <t>DET</t>
  </si>
  <si>
    <t>0-7</t>
  </si>
  <si>
    <t>MIN</t>
  </si>
  <si>
    <t>DT/DE</t>
  </si>
  <si>
    <t>King, David</t>
  </si>
  <si>
    <t>TEN</t>
  </si>
  <si>
    <t>KC</t>
  </si>
  <si>
    <t>C/G/TE</t>
  </si>
  <si>
    <t>LeRibeus, Josh</t>
  </si>
  <si>
    <t>12/3</t>
  </si>
  <si>
    <t>0-3/0-3/0</t>
  </si>
  <si>
    <t>C</t>
  </si>
  <si>
    <t>G/T</t>
  </si>
  <si>
    <t>G</t>
  </si>
  <si>
    <t>Maragos, Chris</t>
  </si>
  <si>
    <t>PHI</t>
  </si>
  <si>
    <t>04</t>
  </si>
  <si>
    <t>0</t>
  </si>
  <si>
    <t>DE/OLB</t>
  </si>
  <si>
    <t>McCain, Chris</t>
  </si>
  <si>
    <t>14/FA</t>
  </si>
  <si>
    <t>14/9</t>
  </si>
  <si>
    <t>LAC</t>
  </si>
  <si>
    <t>0-8/00-8</t>
  </si>
  <si>
    <t>0-0/00-0</t>
  </si>
  <si>
    <t>DE/LB</t>
  </si>
  <si>
    <t>McManis, Sherrick</t>
  </si>
  <si>
    <t>11/13</t>
  </si>
  <si>
    <t>KR</t>
  </si>
  <si>
    <t>HOU</t>
  </si>
  <si>
    <t>Mount, Deiontrez</t>
  </si>
  <si>
    <t>15/6</t>
  </si>
  <si>
    <t>Nix, Roosevelt</t>
  </si>
  <si>
    <t>15/9</t>
  </si>
  <si>
    <t>PIT</t>
  </si>
  <si>
    <t>0-0  3</t>
  </si>
  <si>
    <t>4-2 0</t>
  </si>
  <si>
    <t>Patmon, Tyler</t>
  </si>
  <si>
    <t>14/12</t>
  </si>
  <si>
    <t>Pennel, Mike</t>
  </si>
  <si>
    <t>14/13</t>
  </si>
  <si>
    <t>GB</t>
  </si>
  <si>
    <t>Person, Mike</t>
  </si>
  <si>
    <t>11/7</t>
  </si>
  <si>
    <t>15/13</t>
  </si>
  <si>
    <t>Pierre-Louis, Kevin</t>
  </si>
  <si>
    <t>14/4</t>
  </si>
  <si>
    <t>Price, Brian</t>
  </si>
  <si>
    <t>11/10</t>
  </si>
  <si>
    <t>HB</t>
  </si>
  <si>
    <t>Ridley, Stevan</t>
  </si>
  <si>
    <t>11/3</t>
  </si>
  <si>
    <t>11/2</t>
  </si>
  <si>
    <t>0-2  26</t>
  </si>
  <si>
    <t>0-4 36</t>
  </si>
  <si>
    <t>Silatolu, Amini</t>
  </si>
  <si>
    <t>12/2</t>
  </si>
  <si>
    <t>LG</t>
  </si>
  <si>
    <t>Smith, Keith</t>
  </si>
  <si>
    <t>0-2  0</t>
  </si>
  <si>
    <t>Smith, Lee</t>
  </si>
  <si>
    <t>11/5</t>
  </si>
  <si>
    <t>5</t>
  </si>
  <si>
    <t>BUF</t>
  </si>
  <si>
    <t>5/4-0</t>
  </si>
  <si>
    <t>Thomas, Shamarko</t>
  </si>
  <si>
    <t>13/4</t>
  </si>
  <si>
    <t>13/9</t>
  </si>
  <si>
    <t>Van Roten, Greg</t>
  </si>
  <si>
    <t>12/11</t>
  </si>
  <si>
    <t>C/G</t>
  </si>
  <si>
    <t>LILB</t>
  </si>
  <si>
    <t>Vigil, Zach</t>
  </si>
  <si>
    <t>44-0</t>
  </si>
  <si>
    <t>Weatherspoon, Sean</t>
  </si>
  <si>
    <t>10/1 (19)</t>
  </si>
  <si>
    <t>LLB/MLB</t>
  </si>
  <si>
    <t>4-0/0-0</t>
  </si>
  <si>
    <t>RLB</t>
  </si>
  <si>
    <t>Williams, Darrell</t>
  </si>
  <si>
    <t>LAR</t>
  </si>
  <si>
    <t>Wreh-Wilson, Blidi</t>
  </si>
  <si>
    <t>13/5</t>
  </si>
  <si>
    <t>LCB</t>
  </si>
  <si>
    <t>QB</t>
  </si>
  <si>
    <t>Yates, T.J.</t>
  </si>
  <si>
    <t>11/4</t>
  </si>
  <si>
    <t>97 attempts</t>
  </si>
  <si>
    <t>57 attempts</t>
  </si>
  <si>
    <t>4 attempts</t>
  </si>
  <si>
    <t>10 attempts</t>
  </si>
  <si>
    <t>PR</t>
  </si>
  <si>
    <t>Clay, Kaelin</t>
  </si>
  <si>
    <t>PR/KR</t>
  </si>
  <si>
    <t>2017 Pos</t>
  </si>
  <si>
    <t>Player</t>
  </si>
  <si>
    <t>Birthday</t>
  </si>
  <si>
    <t>NFL Draft</t>
  </si>
  <si>
    <t>Lg Draft</t>
  </si>
  <si>
    <t>2017Tm</t>
  </si>
  <si>
    <t>2017 Card Info</t>
  </si>
  <si>
    <t>2016 Pos</t>
  </si>
  <si>
    <t>2016Tm</t>
  </si>
  <si>
    <t>2016 Card Info</t>
  </si>
  <si>
    <t>2015 Pos</t>
  </si>
  <si>
    <t>2015Tm</t>
  </si>
  <si>
    <t>2015 Card Info</t>
  </si>
  <si>
    <t>2014 Pos</t>
  </si>
  <si>
    <t>2014Tm</t>
  </si>
  <si>
    <t>2014 Card Info</t>
  </si>
  <si>
    <t>2013 Pos</t>
  </si>
  <si>
    <t>2013Tm</t>
  </si>
  <si>
    <t>2013 Card Info</t>
  </si>
  <si>
    <t>2012 Pos</t>
  </si>
  <si>
    <t>2012Tm</t>
  </si>
  <si>
    <t>2012 Card Info</t>
  </si>
  <si>
    <t>2011 Pos</t>
  </si>
  <si>
    <t>2011Tm</t>
  </si>
  <si>
    <t>2011 Card Info</t>
  </si>
  <si>
    <t>2010 Pos</t>
  </si>
  <si>
    <t>2010Tm</t>
  </si>
  <si>
    <t>2010 Card Info</t>
  </si>
  <si>
    <t>2009 Pos</t>
  </si>
  <si>
    <t>2009Tm</t>
  </si>
  <si>
    <t>2009 Card Info</t>
  </si>
  <si>
    <t>2008 Pos</t>
  </si>
  <si>
    <t>2008Tm</t>
  </si>
  <si>
    <t>2008 Card Info</t>
  </si>
  <si>
    <t>2007 Pos</t>
  </si>
  <si>
    <t>2007Tm</t>
  </si>
  <si>
    <t>2007 Card Info</t>
  </si>
  <si>
    <t>2006 Pos</t>
  </si>
  <si>
    <t>2006Tm</t>
  </si>
  <si>
    <t>2006 Card Info</t>
  </si>
  <si>
    <t>2005Pos</t>
  </si>
  <si>
    <t>2005Tm</t>
  </si>
  <si>
    <t>2005 Card Info</t>
  </si>
  <si>
    <t>2004 Pos</t>
  </si>
  <si>
    <t>2004Tm</t>
  </si>
  <si>
    <t>2004 Card Info</t>
  </si>
  <si>
    <t>2003 Pos</t>
  </si>
  <si>
    <t>2003Tm</t>
  </si>
  <si>
    <t>2003 Card Info</t>
  </si>
  <si>
    <t>2002 Pos</t>
  </si>
  <si>
    <t>2002Tm</t>
  </si>
  <si>
    <t>2002 Card Info</t>
  </si>
  <si>
    <t>2001 Pos</t>
  </si>
  <si>
    <t>2001Tm</t>
  </si>
  <si>
    <t>2001 Card Info</t>
  </si>
  <si>
    <t>10th</t>
  </si>
  <si>
    <t>C/G/TE-Josh Leribius 0-3/0-3/0</t>
  </si>
  <si>
    <t>9th</t>
  </si>
  <si>
    <t>8th</t>
  </si>
  <si>
    <t>DE/OLB-Chris McCain 0-8/00-8</t>
  </si>
  <si>
    <t>C-Mike Person 0-0</t>
  </si>
  <si>
    <t>7th</t>
  </si>
  <si>
    <t>SS-DeShazor Everrett</t>
  </si>
  <si>
    <t>5th</t>
  </si>
  <si>
    <t>DT/DE-Mike Pennel 4-0</t>
  </si>
  <si>
    <t>NT-John Jenkins 0-0</t>
  </si>
  <si>
    <t>4th*</t>
  </si>
  <si>
    <t>DE-Lamaar Houston 00-8</t>
  </si>
  <si>
    <t>3rd</t>
  </si>
  <si>
    <t>4th</t>
  </si>
  <si>
    <t>2nd</t>
  </si>
  <si>
    <t>WR-Jaron Brown</t>
  </si>
  <si>
    <t>6th</t>
  </si>
  <si>
    <t>LILB-Zach Vigil 4-4</t>
  </si>
  <si>
    <t>DE-Carl Davis 5-1</t>
  </si>
  <si>
    <t>DE-Shelby Harris 4-6</t>
  </si>
  <si>
    <t>SF</t>
  </si>
  <si>
    <t>Forgotten 41 bids</t>
  </si>
  <si>
    <t>Tie-Breaker Order:</t>
  </si>
  <si>
    <t>1. Baltimore Ravens</t>
  </si>
  <si>
    <t>2. Minnesota Vikings</t>
  </si>
  <si>
    <t>3. Philadelphia Eagles</t>
  </si>
  <si>
    <t>4. Oakland Raiders</t>
  </si>
  <si>
    <t>5. Cincinnati Bengals</t>
  </si>
  <si>
    <t>6. New York NFC</t>
  </si>
  <si>
    <t>7. Buffalo Bills</t>
  </si>
  <si>
    <t>8. Indianapolis Colts</t>
  </si>
  <si>
    <t>9. Atlanta Falcons</t>
  </si>
  <si>
    <t>10. Carolina Panthers</t>
  </si>
  <si>
    <t>11. Jacksonville Jaguars</t>
  </si>
  <si>
    <t>12. Arizona Cardinals</t>
  </si>
  <si>
    <t>13. Washington Redskins</t>
  </si>
  <si>
    <t>14. Pittsburgh Steelers</t>
  </si>
  <si>
    <t>15. Miami Dolphins</t>
  </si>
  <si>
    <t>16. Tennessee Titans</t>
  </si>
  <si>
    <t>17. Denver Broncos</t>
  </si>
  <si>
    <t>18. Chicago Bears</t>
  </si>
  <si>
    <t>19. Kansas City Chiefs</t>
  </si>
  <si>
    <t>20. Detroit Lions</t>
  </si>
  <si>
    <t>21. San Francisco 49ers</t>
  </si>
  <si>
    <t>22. Tampa Bay Bucanneers</t>
  </si>
  <si>
    <t>23. Green Bay Packers</t>
  </si>
  <si>
    <t>24. Seattle Seahawks</t>
  </si>
  <si>
    <t>25. New England Patriots</t>
  </si>
  <si>
    <t>26. Los Angeles Rams</t>
  </si>
  <si>
    <t>27. San Diego Chargers</t>
  </si>
  <si>
    <t>28. Dallas Cowboys</t>
  </si>
  <si>
    <t>* - Only if Jaron Brown bid unsuccessfu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u/>
      <sz val="10"/>
      <name val="Arial"/>
      <family val="2"/>
    </font>
    <font>
      <b/>
      <sz val="11"/>
      <color rgb="FFFF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1" fillId="0" borderId="0"/>
    <xf numFmtId="0" fontId="1" fillId="0" borderId="0"/>
  </cellStyleXfs>
  <cellXfs count="33">
    <xf numFmtId="0" fontId="0" fillId="0" borderId="0" xfId="0"/>
    <xf numFmtId="0" fontId="1" fillId="0" borderId="0" xfId="0" applyFont="1"/>
    <xf numFmtId="14" fontId="0" fillId="0" borderId="0" xfId="0" applyNumberFormat="1" applyAlignment="1">
      <alignment horizontal="left"/>
    </xf>
    <xf numFmtId="49" fontId="0" fillId="0" borderId="0" xfId="0" applyNumberFormat="1" applyAlignment="1">
      <alignment horizontal="left"/>
    </xf>
    <xf numFmtId="49" fontId="0" fillId="0" borderId="0" xfId="0" applyNumberFormat="1"/>
    <xf numFmtId="0" fontId="0" fillId="0" borderId="0" xfId="0" applyAlignment="1">
      <alignment horizontal="left"/>
    </xf>
    <xf numFmtId="2" fontId="0" fillId="0" borderId="0" xfId="0" applyNumberFormat="1" applyAlignment="1">
      <alignment horizontal="right"/>
    </xf>
    <xf numFmtId="0" fontId="1" fillId="0" borderId="0" xfId="1"/>
    <xf numFmtId="49" fontId="1" fillId="0" borderId="0" xfId="1" applyNumberFormat="1" applyAlignment="1">
      <alignment horizontal="left"/>
    </xf>
    <xf numFmtId="0" fontId="1" fillId="0" borderId="0" xfId="1" applyFont="1"/>
    <xf numFmtId="14" fontId="1" fillId="0" borderId="0" xfId="1" applyNumberFormat="1" applyFont="1" applyAlignment="1">
      <alignment horizontal="left"/>
    </xf>
    <xf numFmtId="49" fontId="1" fillId="0" borderId="0" xfId="1" applyNumberFormat="1" applyFont="1" applyAlignment="1">
      <alignment horizontal="left"/>
    </xf>
    <xf numFmtId="0" fontId="1" fillId="0" borderId="0" xfId="1" applyFont="1" applyAlignment="1">
      <alignment horizontal="left"/>
    </xf>
    <xf numFmtId="49" fontId="1" fillId="0" borderId="0" xfId="1" applyNumberFormat="1" applyFont="1"/>
    <xf numFmtId="14" fontId="1" fillId="0" borderId="0" xfId="1" applyNumberFormat="1" applyAlignment="1">
      <alignment horizontal="left"/>
    </xf>
    <xf numFmtId="49" fontId="1" fillId="0" borderId="0" xfId="1" applyNumberFormat="1"/>
    <xf numFmtId="0" fontId="1" fillId="0" borderId="0" xfId="1" applyAlignment="1">
      <alignment horizontal="left"/>
    </xf>
    <xf numFmtId="0" fontId="1" fillId="0" borderId="0" xfId="1" applyFont="1" applyFill="1"/>
    <xf numFmtId="0" fontId="1" fillId="0" borderId="0" xfId="1" applyFont="1" applyFill="1" applyAlignment="1">
      <alignment horizontal="left"/>
    </xf>
    <xf numFmtId="49" fontId="1" fillId="0" borderId="0" xfId="0" applyNumberFormat="1" applyFont="1"/>
    <xf numFmtId="2" fontId="1" fillId="0" borderId="0" xfId="1" applyNumberFormat="1" applyAlignment="1">
      <alignment horizontal="right"/>
    </xf>
    <xf numFmtId="0" fontId="0" fillId="0" borderId="0" xfId="0" quotePrefix="1" applyAlignment="1">
      <alignment horizontal="left"/>
    </xf>
    <xf numFmtId="0" fontId="1" fillId="0" borderId="0" xfId="2" applyFont="1" applyFill="1"/>
    <xf numFmtId="0" fontId="1" fillId="0" borderId="0" xfId="2" applyFill="1"/>
    <xf numFmtId="0" fontId="1" fillId="0" borderId="0" xfId="1" quotePrefix="1" applyAlignment="1">
      <alignment horizontal="left"/>
    </xf>
    <xf numFmtId="0" fontId="1" fillId="0" borderId="0" xfId="1" applyFill="1"/>
    <xf numFmtId="49" fontId="1" fillId="0" borderId="0" xfId="1" applyNumberFormat="1" applyFill="1" applyAlignment="1">
      <alignment horizontal="left"/>
    </xf>
    <xf numFmtId="49" fontId="1" fillId="0" borderId="0" xfId="0" applyNumberFormat="1" applyFont="1" applyAlignment="1">
      <alignment horizontal="left"/>
    </xf>
    <xf numFmtId="0" fontId="2" fillId="0" borderId="0" xfId="1" applyFont="1"/>
    <xf numFmtId="0" fontId="2" fillId="0" borderId="0" xfId="1" applyFont="1" applyAlignment="1">
      <alignment horizontal="left"/>
    </xf>
    <xf numFmtId="49" fontId="2" fillId="0" borderId="0" xfId="1" applyNumberFormat="1" applyFont="1" applyAlignment="1">
      <alignment horizontal="left"/>
    </xf>
    <xf numFmtId="49" fontId="2" fillId="0" borderId="0" xfId="1" applyNumberFormat="1" applyFont="1"/>
    <xf numFmtId="0" fontId="3" fillId="2" borderId="0" xfId="0" applyFont="1" applyFill="1"/>
  </cellXfs>
  <cellStyles count="3">
    <cellStyle name="Normal" xfId="0" builtinId="0"/>
    <cellStyle name="Normal 2" xfId="1" xr:uid="{DFB003BF-EC24-4B4E-B4B5-4D3CB5E35A2F}"/>
    <cellStyle name="Normal 2 2" xfId="2" xr:uid="{18770634-D9F1-48EA-897C-E06943EEFB9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FC8E1D-A93F-44B5-B962-696B7E35473B}">
  <dimension ref="A1:IT43"/>
  <sheetViews>
    <sheetView workbookViewId="0">
      <selection activeCell="B6" sqref="B6"/>
    </sheetView>
  </sheetViews>
  <sheetFormatPr defaultRowHeight="15" x14ac:dyDescent="0.25"/>
  <cols>
    <col min="2" max="2" width="21.5703125" bestFit="1" customWidth="1"/>
    <col min="3" max="3" width="10.7109375" bestFit="1" customWidth="1"/>
  </cols>
  <sheetData>
    <row r="1" spans="1:254" x14ac:dyDescent="0.25">
      <c r="A1" t="s">
        <v>0</v>
      </c>
    </row>
    <row r="2" spans="1:254" s="7" customFormat="1" ht="12.75" x14ac:dyDescent="0.2">
      <c r="A2" s="28" t="s">
        <v>218</v>
      </c>
      <c r="B2" s="28" t="s">
        <v>219</v>
      </c>
      <c r="C2" s="29" t="s">
        <v>220</v>
      </c>
      <c r="D2" s="30" t="s">
        <v>221</v>
      </c>
      <c r="E2" s="30" t="s">
        <v>222</v>
      </c>
      <c r="F2" s="29" t="s">
        <v>223</v>
      </c>
      <c r="G2" s="31" t="s">
        <v>224</v>
      </c>
      <c r="H2" s="28" t="s">
        <v>225</v>
      </c>
      <c r="I2" s="29" t="s">
        <v>226</v>
      </c>
      <c r="J2" s="31" t="s">
        <v>227</v>
      </c>
      <c r="K2" s="28" t="s">
        <v>228</v>
      </c>
      <c r="L2" s="29" t="s">
        <v>229</v>
      </c>
      <c r="M2" s="31" t="s">
        <v>230</v>
      </c>
      <c r="N2" s="28" t="s">
        <v>231</v>
      </c>
      <c r="O2" s="29" t="s">
        <v>232</v>
      </c>
      <c r="P2" s="31" t="s">
        <v>233</v>
      </c>
      <c r="Q2" s="28" t="s">
        <v>234</v>
      </c>
      <c r="R2" s="29" t="s">
        <v>235</v>
      </c>
      <c r="S2" s="31" t="s">
        <v>236</v>
      </c>
      <c r="T2" s="28" t="s">
        <v>237</v>
      </c>
      <c r="U2" s="29" t="s">
        <v>238</v>
      </c>
      <c r="V2" s="31" t="s">
        <v>239</v>
      </c>
      <c r="W2" s="28" t="s">
        <v>240</v>
      </c>
      <c r="X2" s="29" t="s">
        <v>241</v>
      </c>
      <c r="Y2" s="31" t="s">
        <v>242</v>
      </c>
      <c r="Z2" s="28" t="s">
        <v>243</v>
      </c>
      <c r="AA2" s="29" t="s">
        <v>244</v>
      </c>
      <c r="AB2" s="31" t="s">
        <v>245</v>
      </c>
      <c r="AC2" s="28" t="s">
        <v>246</v>
      </c>
      <c r="AD2" s="29" t="s">
        <v>247</v>
      </c>
      <c r="AE2" s="31" t="s">
        <v>248</v>
      </c>
      <c r="AF2" s="28" t="s">
        <v>249</v>
      </c>
      <c r="AG2" s="29" t="s">
        <v>250</v>
      </c>
      <c r="AH2" s="31" t="s">
        <v>251</v>
      </c>
      <c r="AI2" s="28" t="s">
        <v>252</v>
      </c>
      <c r="AJ2" s="29" t="s">
        <v>253</v>
      </c>
      <c r="AK2" s="31" t="s">
        <v>254</v>
      </c>
      <c r="AL2" s="28" t="s">
        <v>255</v>
      </c>
      <c r="AM2" s="29" t="s">
        <v>256</v>
      </c>
      <c r="AN2" s="31" t="s">
        <v>257</v>
      </c>
      <c r="AO2" s="28" t="s">
        <v>258</v>
      </c>
      <c r="AP2" s="29" t="s">
        <v>259</v>
      </c>
      <c r="AQ2" s="31" t="s">
        <v>260</v>
      </c>
      <c r="AR2" s="28" t="s">
        <v>261</v>
      </c>
      <c r="AS2" s="29" t="s">
        <v>262</v>
      </c>
      <c r="AT2" s="31" t="s">
        <v>263</v>
      </c>
      <c r="AU2" s="28" t="s">
        <v>264</v>
      </c>
      <c r="AV2" s="28" t="s">
        <v>265</v>
      </c>
      <c r="AW2" s="31" t="s">
        <v>266</v>
      </c>
      <c r="AX2" s="29" t="s">
        <v>267</v>
      </c>
      <c r="AY2" s="29" t="s">
        <v>268</v>
      </c>
      <c r="AZ2" s="29" t="s">
        <v>269</v>
      </c>
      <c r="BA2" s="29" t="s">
        <v>270</v>
      </c>
      <c r="BB2" s="29" t="s">
        <v>271</v>
      </c>
      <c r="BC2" s="29" t="s">
        <v>272</v>
      </c>
    </row>
    <row r="3" spans="1:254" x14ac:dyDescent="0.25">
      <c r="A3" s="1" t="s">
        <v>1</v>
      </c>
      <c r="B3" t="s">
        <v>2</v>
      </c>
      <c r="C3" s="2">
        <v>30062</v>
      </c>
      <c r="D3" s="3" t="s">
        <v>3</v>
      </c>
      <c r="E3" s="3" t="s">
        <v>4</v>
      </c>
      <c r="F3" s="3" t="s">
        <v>5</v>
      </c>
      <c r="G3" s="3" t="s">
        <v>6</v>
      </c>
      <c r="H3" s="1"/>
      <c r="I3" s="3"/>
      <c r="J3" s="3"/>
      <c r="K3" s="1" t="s">
        <v>7</v>
      </c>
      <c r="L3" s="3" t="s">
        <v>8</v>
      </c>
      <c r="M3" s="3" t="s">
        <v>9</v>
      </c>
      <c r="N3" t="s">
        <v>10</v>
      </c>
      <c r="O3" s="3" t="s">
        <v>8</v>
      </c>
      <c r="P3" s="3" t="s">
        <v>11</v>
      </c>
      <c r="Q3" t="s">
        <v>12</v>
      </c>
      <c r="R3" s="3" t="s">
        <v>8</v>
      </c>
      <c r="S3" s="3" t="s">
        <v>13</v>
      </c>
      <c r="T3" t="s">
        <v>14</v>
      </c>
      <c r="U3" s="3" t="s">
        <v>8</v>
      </c>
      <c r="V3" s="3" t="s">
        <v>15</v>
      </c>
      <c r="W3" t="s">
        <v>14</v>
      </c>
      <c r="X3" s="3" t="s">
        <v>8</v>
      </c>
      <c r="Y3" s="3" t="s">
        <v>16</v>
      </c>
      <c r="Z3" t="s">
        <v>17</v>
      </c>
      <c r="AA3" s="3" t="s">
        <v>8</v>
      </c>
      <c r="AB3" s="3" t="s">
        <v>18</v>
      </c>
      <c r="AC3" t="s">
        <v>17</v>
      </c>
      <c r="AD3" s="3" t="s">
        <v>8</v>
      </c>
      <c r="AE3" s="3" t="s">
        <v>19</v>
      </c>
      <c r="AF3" t="s">
        <v>20</v>
      </c>
      <c r="AG3" s="3" t="s">
        <v>21</v>
      </c>
      <c r="AH3" s="3" t="s">
        <v>22</v>
      </c>
      <c r="AI3" t="s">
        <v>20</v>
      </c>
      <c r="AJ3" s="3" t="s">
        <v>21</v>
      </c>
      <c r="AK3" s="3" t="s">
        <v>23</v>
      </c>
      <c r="AL3" t="s">
        <v>20</v>
      </c>
      <c r="AM3" s="3" t="s">
        <v>21</v>
      </c>
      <c r="AN3" s="3" t="s">
        <v>23</v>
      </c>
      <c r="AO3" t="s">
        <v>20</v>
      </c>
      <c r="AP3" s="3" t="s">
        <v>21</v>
      </c>
      <c r="AQ3" s="3" t="s">
        <v>24</v>
      </c>
      <c r="AS3" s="3"/>
      <c r="AT3" s="4"/>
      <c r="AW3" s="4"/>
      <c r="AX3" s="4"/>
      <c r="AY3" s="4"/>
      <c r="AZ3" s="4"/>
      <c r="BB3" s="5"/>
      <c r="BC3" s="5"/>
      <c r="BD3" s="6"/>
    </row>
    <row r="4" spans="1:254" s="9" customFormat="1" x14ac:dyDescent="0.25">
      <c r="A4" s="7" t="s">
        <v>25</v>
      </c>
      <c r="B4" s="1" t="s">
        <v>26</v>
      </c>
      <c r="C4" s="2">
        <v>33299</v>
      </c>
      <c r="D4" s="8" t="s">
        <v>27</v>
      </c>
      <c r="E4" s="1" t="s">
        <v>28</v>
      </c>
      <c r="F4" s="8" t="s">
        <v>29</v>
      </c>
      <c r="G4" s="8" t="s">
        <v>30</v>
      </c>
      <c r="H4" s="7"/>
      <c r="I4" s="8"/>
      <c r="J4" s="8"/>
      <c r="K4" s="7"/>
      <c r="L4" s="8"/>
      <c r="M4" s="8"/>
      <c r="N4" s="7" t="s">
        <v>25</v>
      </c>
      <c r="O4" s="8" t="s">
        <v>31</v>
      </c>
      <c r="P4" s="8" t="s">
        <v>30</v>
      </c>
      <c r="Q4"/>
      <c r="R4"/>
      <c r="S4"/>
      <c r="T4"/>
      <c r="U4"/>
      <c r="V4"/>
      <c r="W4"/>
      <c r="X4"/>
      <c r="Y4"/>
      <c r="Z4"/>
      <c r="AA4"/>
      <c r="AB4"/>
      <c r="AC4"/>
      <c r="AD4"/>
      <c r="AE4"/>
      <c r="AF4"/>
      <c r="AG4"/>
      <c r="AH4"/>
      <c r="AI4"/>
      <c r="AJ4"/>
      <c r="AK4"/>
      <c r="AL4"/>
      <c r="AM4"/>
      <c r="AN4"/>
      <c r="AO4"/>
      <c r="AP4"/>
      <c r="AQ4"/>
      <c r="AR4"/>
      <c r="AS4"/>
      <c r="AT4"/>
      <c r="AU4"/>
      <c r="AV4"/>
      <c r="AW4"/>
      <c r="AX4"/>
      <c r="AY4"/>
      <c r="AZ4"/>
      <c r="BA4"/>
      <c r="BB4"/>
      <c r="BC4"/>
      <c r="BD4"/>
      <c r="BE4"/>
      <c r="BF4"/>
      <c r="BG4"/>
      <c r="BH4"/>
      <c r="BI4"/>
      <c r="BJ4"/>
      <c r="BK4"/>
      <c r="BL4"/>
      <c r="BM4"/>
      <c r="BN4"/>
      <c r="BO4"/>
      <c r="BP4"/>
      <c r="BQ4"/>
      <c r="BR4"/>
      <c r="BS4"/>
      <c r="BT4"/>
      <c r="BU4"/>
      <c r="BV4"/>
      <c r="BW4"/>
      <c r="BX4"/>
      <c r="BY4"/>
      <c r="BZ4"/>
      <c r="CA4"/>
      <c r="CB4"/>
      <c r="CC4"/>
      <c r="CD4"/>
      <c r="CE4"/>
      <c r="CF4"/>
      <c r="CG4"/>
      <c r="CH4"/>
      <c r="CI4"/>
      <c r="CJ4"/>
      <c r="CK4"/>
      <c r="CL4"/>
      <c r="CM4"/>
      <c r="CN4"/>
      <c r="CO4"/>
      <c r="CP4"/>
      <c r="CQ4"/>
      <c r="CR4"/>
      <c r="CS4"/>
      <c r="CT4"/>
      <c r="CU4"/>
      <c r="CV4"/>
      <c r="CW4"/>
      <c r="CX4"/>
      <c r="CY4"/>
      <c r="CZ4"/>
      <c r="DA4"/>
      <c r="DB4"/>
      <c r="DC4"/>
      <c r="DD4"/>
      <c r="DE4"/>
      <c r="DF4"/>
      <c r="DG4"/>
      <c r="DH4"/>
      <c r="DI4"/>
      <c r="DJ4"/>
      <c r="DK4"/>
      <c r="DL4"/>
      <c r="DM4"/>
      <c r="DN4"/>
      <c r="DO4"/>
      <c r="DP4"/>
      <c r="DQ4"/>
      <c r="DR4"/>
      <c r="DS4"/>
      <c r="DT4"/>
      <c r="DU4"/>
      <c r="DV4"/>
      <c r="DW4"/>
      <c r="DX4"/>
      <c r="DY4"/>
      <c r="DZ4"/>
      <c r="EA4"/>
      <c r="EB4"/>
      <c r="EC4"/>
      <c r="ED4"/>
      <c r="EE4"/>
      <c r="EF4"/>
      <c r="EG4"/>
      <c r="EH4"/>
      <c r="EI4"/>
      <c r="EJ4"/>
      <c r="EK4"/>
      <c r="EL4"/>
      <c r="EM4"/>
      <c r="EN4"/>
      <c r="EO4"/>
      <c r="EP4"/>
      <c r="EQ4"/>
      <c r="ER4"/>
      <c r="ES4"/>
      <c r="ET4"/>
      <c r="EU4"/>
      <c r="EV4"/>
      <c r="EW4"/>
      <c r="EX4"/>
      <c r="EY4"/>
      <c r="EZ4"/>
      <c r="FA4"/>
      <c r="FB4"/>
      <c r="FC4"/>
      <c r="FD4"/>
      <c r="FE4"/>
      <c r="FF4"/>
      <c r="FG4"/>
      <c r="FH4"/>
      <c r="FI4"/>
      <c r="FJ4"/>
      <c r="FK4"/>
      <c r="FL4"/>
      <c r="FM4"/>
      <c r="FN4"/>
      <c r="FO4"/>
      <c r="FP4"/>
      <c r="FQ4"/>
      <c r="FR4"/>
      <c r="FS4"/>
      <c r="FT4"/>
      <c r="FU4"/>
      <c r="FV4"/>
      <c r="FW4"/>
      <c r="FX4"/>
      <c r="FY4"/>
      <c r="FZ4"/>
      <c r="GA4"/>
      <c r="GB4"/>
      <c r="GC4"/>
      <c r="GD4"/>
      <c r="GE4"/>
      <c r="GF4"/>
      <c r="GG4"/>
      <c r="GH4"/>
      <c r="GI4"/>
      <c r="GJ4"/>
      <c r="GK4"/>
      <c r="GL4"/>
      <c r="GM4"/>
      <c r="GN4"/>
      <c r="GO4"/>
      <c r="GP4"/>
      <c r="GQ4"/>
      <c r="GR4"/>
      <c r="GS4"/>
      <c r="GT4"/>
      <c r="GU4"/>
      <c r="GV4"/>
      <c r="GW4"/>
      <c r="GX4"/>
      <c r="GY4"/>
      <c r="GZ4"/>
      <c r="HA4"/>
      <c r="HB4"/>
      <c r="HC4"/>
      <c r="HD4"/>
      <c r="HE4"/>
      <c r="HF4"/>
      <c r="HG4"/>
      <c r="HH4"/>
      <c r="HI4"/>
      <c r="HJ4"/>
      <c r="HK4"/>
      <c r="HL4"/>
      <c r="HM4"/>
      <c r="HN4"/>
      <c r="HO4"/>
      <c r="HP4"/>
      <c r="HQ4"/>
      <c r="HR4"/>
      <c r="HS4"/>
      <c r="HT4"/>
      <c r="HU4"/>
      <c r="HV4"/>
      <c r="HW4"/>
      <c r="HX4"/>
      <c r="HY4"/>
      <c r="HZ4"/>
      <c r="IA4"/>
      <c r="IB4"/>
      <c r="IC4"/>
      <c r="ID4"/>
      <c r="IE4"/>
      <c r="IF4"/>
      <c r="IG4"/>
      <c r="IH4"/>
      <c r="II4"/>
      <c r="IJ4"/>
      <c r="IK4"/>
      <c r="IL4"/>
      <c r="IM4"/>
      <c r="IN4"/>
      <c r="IO4"/>
      <c r="IP4"/>
      <c r="IQ4"/>
      <c r="IR4"/>
      <c r="IS4"/>
      <c r="IT4"/>
    </row>
    <row r="5" spans="1:254" x14ac:dyDescent="0.25">
      <c r="A5" s="9" t="s">
        <v>32</v>
      </c>
      <c r="B5" s="9" t="s">
        <v>33</v>
      </c>
      <c r="C5" s="10">
        <v>32881</v>
      </c>
      <c r="D5" s="11" t="s">
        <v>34</v>
      </c>
      <c r="E5" s="11" t="s">
        <v>35</v>
      </c>
      <c r="F5" s="12" t="s">
        <v>5</v>
      </c>
      <c r="G5" s="13"/>
      <c r="H5" s="9"/>
      <c r="I5" s="12"/>
      <c r="J5" s="13"/>
      <c r="K5" s="9" t="s">
        <v>36</v>
      </c>
      <c r="L5" s="12" t="s">
        <v>5</v>
      </c>
      <c r="M5" s="13"/>
      <c r="N5" s="9" t="s">
        <v>36</v>
      </c>
      <c r="O5" s="12" t="s">
        <v>5</v>
      </c>
      <c r="P5" s="13"/>
      <c r="Q5" s="9" t="s">
        <v>36</v>
      </c>
      <c r="R5" s="12" t="s">
        <v>5</v>
      </c>
      <c r="S5" s="13"/>
      <c r="T5" s="9"/>
      <c r="U5" s="12"/>
      <c r="V5" s="13"/>
      <c r="W5" s="9"/>
      <c r="X5" s="12"/>
      <c r="Y5" s="13"/>
      <c r="Z5" s="9"/>
      <c r="AA5" s="12"/>
      <c r="AB5" s="13"/>
      <c r="AC5" s="9"/>
      <c r="AD5" s="12"/>
      <c r="AE5" s="13"/>
      <c r="AF5" s="9"/>
      <c r="AG5" s="12"/>
      <c r="AH5" s="13"/>
      <c r="AI5" s="9"/>
      <c r="AJ5" s="12"/>
      <c r="AK5" s="13"/>
      <c r="AL5" s="9"/>
      <c r="AM5" s="12"/>
      <c r="AN5" s="13"/>
      <c r="AO5" s="9"/>
      <c r="AP5" s="12"/>
      <c r="AQ5" s="13"/>
      <c r="AR5" s="9"/>
      <c r="AS5" s="12"/>
      <c r="AT5" s="13"/>
      <c r="AU5" s="9"/>
      <c r="AV5" s="9"/>
      <c r="AW5" s="13"/>
      <c r="AX5" s="12"/>
      <c r="AY5" s="12"/>
      <c r="AZ5" s="12"/>
      <c r="BA5" s="12"/>
      <c r="BB5" s="12"/>
      <c r="BC5" s="12"/>
    </row>
    <row r="6" spans="1:254" x14ac:dyDescent="0.25">
      <c r="A6" s="9" t="s">
        <v>37</v>
      </c>
      <c r="B6" s="9" t="s">
        <v>38</v>
      </c>
      <c r="C6" s="10">
        <v>33164</v>
      </c>
      <c r="D6" s="11" t="s">
        <v>39</v>
      </c>
      <c r="E6" s="11" t="s">
        <v>40</v>
      </c>
      <c r="F6" s="12" t="s">
        <v>41</v>
      </c>
      <c r="G6" s="13" t="s">
        <v>42</v>
      </c>
      <c r="H6" s="9"/>
      <c r="I6" s="12"/>
      <c r="J6" s="13"/>
      <c r="K6" s="9"/>
      <c r="L6" s="12"/>
      <c r="M6" s="13"/>
      <c r="N6" s="9"/>
      <c r="O6" s="12"/>
      <c r="P6" s="13"/>
      <c r="Q6" s="9" t="s">
        <v>37</v>
      </c>
      <c r="R6" s="12" t="s">
        <v>43</v>
      </c>
      <c r="S6" s="13" t="s">
        <v>44</v>
      </c>
      <c r="T6" s="9"/>
      <c r="U6" s="12"/>
      <c r="V6" s="13"/>
      <c r="W6" s="9"/>
      <c r="X6" s="12"/>
      <c r="Y6" s="13"/>
      <c r="Z6" s="9"/>
      <c r="AA6" s="12"/>
      <c r="AB6" s="13"/>
      <c r="AC6" s="9"/>
      <c r="AD6" s="12"/>
      <c r="AE6" s="13"/>
      <c r="AF6" s="9"/>
      <c r="AG6" s="12"/>
      <c r="AH6" s="13"/>
      <c r="AI6" s="9"/>
      <c r="AJ6" s="12"/>
      <c r="AK6" s="13"/>
      <c r="AL6" s="9"/>
      <c r="AM6" s="12"/>
      <c r="AN6" s="13"/>
      <c r="AO6" s="9"/>
      <c r="AP6" s="12"/>
      <c r="AQ6" s="13"/>
      <c r="AR6" s="9"/>
      <c r="AS6" s="12"/>
      <c r="AT6" s="13"/>
      <c r="AU6" s="9"/>
      <c r="AV6" s="9"/>
      <c r="AW6" s="13"/>
      <c r="AX6" s="12"/>
      <c r="AY6" s="12"/>
      <c r="AZ6" s="12"/>
      <c r="BA6" s="12"/>
      <c r="BB6" s="12"/>
      <c r="BC6" s="12"/>
    </row>
    <row r="7" spans="1:254" x14ac:dyDescent="0.25">
      <c r="A7" s="9" t="s">
        <v>45</v>
      </c>
      <c r="B7" s="9" t="s">
        <v>46</v>
      </c>
      <c r="C7" s="10">
        <v>33665</v>
      </c>
      <c r="D7" s="11" t="s">
        <v>47</v>
      </c>
      <c r="E7" s="7" t="s">
        <v>48</v>
      </c>
      <c r="F7" s="12" t="s">
        <v>31</v>
      </c>
      <c r="G7" s="13" t="s">
        <v>49</v>
      </c>
      <c r="H7" s="9"/>
      <c r="I7" s="12"/>
      <c r="J7" s="13"/>
      <c r="K7" s="9" t="s">
        <v>50</v>
      </c>
      <c r="L7" s="12" t="s">
        <v>31</v>
      </c>
      <c r="M7" s="13" t="s">
        <v>18</v>
      </c>
      <c r="N7" s="9"/>
      <c r="O7" s="12"/>
      <c r="P7" s="13"/>
      <c r="Q7" s="9"/>
      <c r="R7" s="12"/>
      <c r="S7" s="13"/>
      <c r="T7" s="9"/>
      <c r="U7" s="12"/>
      <c r="V7" s="13"/>
      <c r="W7" s="9"/>
      <c r="X7" s="12"/>
      <c r="Y7" s="13"/>
      <c r="Z7" s="9"/>
      <c r="AA7" s="12"/>
      <c r="AB7" s="13"/>
      <c r="AC7" s="9"/>
      <c r="AD7" s="12"/>
      <c r="AE7" s="13"/>
      <c r="AF7" s="9"/>
      <c r="AG7" s="12"/>
      <c r="AH7" s="13"/>
      <c r="AI7" s="9"/>
      <c r="AJ7" s="12"/>
      <c r="AK7" s="13"/>
      <c r="AL7" s="9"/>
      <c r="AM7" s="12"/>
      <c r="AN7" s="13"/>
      <c r="AO7" s="9"/>
      <c r="AP7" s="12"/>
      <c r="AQ7" s="13"/>
      <c r="AR7" s="9"/>
      <c r="AS7" s="12"/>
      <c r="AT7" s="13"/>
      <c r="AU7" s="9"/>
      <c r="AV7" s="9"/>
      <c r="AW7" s="13"/>
      <c r="AX7" s="12"/>
      <c r="AY7" s="12"/>
      <c r="AZ7" s="12"/>
      <c r="BA7" s="12"/>
      <c r="BB7" s="12"/>
      <c r="BC7" s="12"/>
      <c r="BD7" s="9"/>
      <c r="BE7" s="9"/>
      <c r="BF7" s="9"/>
      <c r="BG7" s="9"/>
      <c r="BH7" s="9"/>
      <c r="BI7" s="9"/>
      <c r="BJ7" s="9"/>
      <c r="BK7" s="9"/>
      <c r="BL7" s="9"/>
      <c r="BM7" s="9"/>
      <c r="BN7" s="9"/>
      <c r="BO7" s="9"/>
      <c r="BP7" s="9"/>
      <c r="BQ7" s="9"/>
      <c r="BR7" s="9"/>
      <c r="BS7" s="9"/>
      <c r="BT7" s="9"/>
      <c r="BU7" s="9"/>
      <c r="BV7" s="9"/>
      <c r="BW7" s="9"/>
      <c r="BX7" s="9"/>
      <c r="BY7" s="9"/>
      <c r="BZ7" s="9"/>
      <c r="CA7" s="9"/>
      <c r="CB7" s="9"/>
      <c r="CC7" s="9"/>
      <c r="CD7" s="9"/>
      <c r="CE7" s="9"/>
      <c r="CF7" s="9"/>
      <c r="CG7" s="9"/>
      <c r="CH7" s="9"/>
      <c r="CI7" s="9"/>
      <c r="CJ7" s="9"/>
      <c r="CK7" s="9"/>
      <c r="CL7" s="9"/>
      <c r="CM7" s="9"/>
      <c r="CN7" s="9"/>
      <c r="CO7" s="9"/>
      <c r="CP7" s="9"/>
      <c r="CQ7" s="9"/>
      <c r="CR7" s="9"/>
      <c r="CS7" s="9"/>
      <c r="CT7" s="9"/>
      <c r="CU7" s="9"/>
      <c r="CV7" s="9"/>
      <c r="CW7" s="9"/>
      <c r="CX7" s="9"/>
      <c r="CY7" s="9"/>
      <c r="CZ7" s="9"/>
      <c r="DA7" s="9"/>
      <c r="DB7" s="9"/>
      <c r="DC7" s="9"/>
      <c r="DD7" s="9"/>
      <c r="DE7" s="9"/>
      <c r="DF7" s="9"/>
      <c r="DG7" s="9"/>
      <c r="DH7" s="9"/>
      <c r="DI7" s="9"/>
      <c r="DJ7" s="9"/>
      <c r="DK7" s="9"/>
      <c r="DL7" s="9"/>
      <c r="DM7" s="9"/>
      <c r="DN7" s="9"/>
      <c r="DO7" s="9"/>
      <c r="DP7" s="9"/>
      <c r="DQ7" s="9"/>
      <c r="DR7" s="9"/>
      <c r="DS7" s="9"/>
      <c r="DT7" s="9"/>
      <c r="DU7" s="9"/>
      <c r="DV7" s="9"/>
      <c r="DW7" s="9"/>
      <c r="DX7" s="9"/>
      <c r="DY7" s="9"/>
      <c r="DZ7" s="9"/>
      <c r="EA7" s="9"/>
      <c r="EB7" s="9"/>
      <c r="EC7" s="9"/>
      <c r="ED7" s="9"/>
      <c r="EE7" s="9"/>
      <c r="EF7" s="9"/>
      <c r="EG7" s="9"/>
      <c r="EH7" s="9"/>
      <c r="EI7" s="9"/>
      <c r="EJ7" s="9"/>
      <c r="EK7" s="9"/>
      <c r="EL7" s="9"/>
      <c r="EM7" s="9"/>
      <c r="EN7" s="9"/>
      <c r="EO7" s="9"/>
      <c r="EP7" s="9"/>
      <c r="EQ7" s="9"/>
      <c r="ER7" s="9"/>
      <c r="ES7" s="9"/>
      <c r="ET7" s="9"/>
      <c r="EU7" s="9"/>
      <c r="EV7" s="9"/>
      <c r="EW7" s="9"/>
      <c r="EX7" s="9"/>
      <c r="EY7" s="9"/>
      <c r="EZ7" s="9"/>
      <c r="FA7" s="9"/>
      <c r="FB7" s="9"/>
      <c r="FC7" s="9"/>
      <c r="FD7" s="9"/>
      <c r="FE7" s="9"/>
      <c r="FF7" s="9"/>
      <c r="FG7" s="9"/>
      <c r="FH7" s="9"/>
      <c r="FI7" s="9"/>
      <c r="FJ7" s="9"/>
      <c r="FK7" s="9"/>
      <c r="FL7" s="9"/>
      <c r="FM7" s="9"/>
      <c r="FN7" s="9"/>
      <c r="FO7" s="9"/>
      <c r="FP7" s="9"/>
      <c r="FQ7" s="9"/>
      <c r="FR7" s="9"/>
      <c r="FS7" s="9"/>
      <c r="FT7" s="9"/>
      <c r="FU7" s="9"/>
      <c r="FV7" s="9"/>
      <c r="FW7" s="9"/>
      <c r="FX7" s="9"/>
      <c r="FY7" s="9"/>
      <c r="FZ7" s="9"/>
      <c r="GA7" s="9"/>
      <c r="GB7" s="9"/>
      <c r="GC7" s="9"/>
      <c r="GD7" s="9"/>
      <c r="GE7" s="9"/>
      <c r="GF7" s="9"/>
      <c r="GG7" s="9"/>
      <c r="GH7" s="9"/>
      <c r="GI7" s="9"/>
      <c r="GJ7" s="9"/>
      <c r="GK7" s="9"/>
      <c r="GL7" s="9"/>
      <c r="GM7" s="9"/>
      <c r="GN7" s="9"/>
      <c r="GO7" s="9"/>
      <c r="GP7" s="9"/>
      <c r="GQ7" s="9"/>
      <c r="GR7" s="9"/>
      <c r="GS7" s="9"/>
      <c r="GT7" s="9"/>
      <c r="GU7" s="9"/>
      <c r="GV7" s="9"/>
      <c r="GW7" s="9"/>
      <c r="GX7" s="9"/>
      <c r="GY7" s="9"/>
      <c r="GZ7" s="9"/>
      <c r="HA7" s="9"/>
      <c r="HB7" s="9"/>
      <c r="HC7" s="9"/>
      <c r="HD7" s="9"/>
      <c r="HE7" s="9"/>
      <c r="HF7" s="9"/>
      <c r="HG7" s="9"/>
      <c r="HH7" s="9"/>
      <c r="HI7" s="9"/>
      <c r="HJ7" s="9"/>
      <c r="HK7" s="9"/>
      <c r="HL7" s="9"/>
      <c r="HM7" s="9"/>
      <c r="HN7" s="9"/>
      <c r="HO7" s="9"/>
      <c r="HP7" s="9"/>
      <c r="HQ7" s="9"/>
      <c r="HR7" s="9"/>
      <c r="HS7" s="9"/>
      <c r="HT7" s="9"/>
      <c r="HU7" s="9"/>
      <c r="HV7" s="9"/>
      <c r="HW7" s="9"/>
      <c r="HX7" s="9"/>
      <c r="HY7" s="9"/>
      <c r="HZ7" s="9"/>
      <c r="IA7" s="9"/>
      <c r="IB7" s="9"/>
      <c r="IC7" s="9"/>
      <c r="ID7" s="9"/>
      <c r="IE7" s="9"/>
      <c r="IF7" s="9"/>
      <c r="IG7" s="9"/>
      <c r="IH7" s="9"/>
      <c r="II7" s="9"/>
      <c r="IJ7" s="9"/>
      <c r="IK7" s="9"/>
      <c r="IL7" s="9"/>
      <c r="IM7" s="9"/>
      <c r="IN7" s="9"/>
      <c r="IO7" s="9"/>
      <c r="IP7" s="9"/>
      <c r="IQ7" s="9"/>
      <c r="IR7" s="9"/>
      <c r="IS7" s="9"/>
      <c r="IT7" s="9"/>
    </row>
    <row r="8" spans="1:254" x14ac:dyDescent="0.25">
      <c r="A8" s="9" t="s">
        <v>25</v>
      </c>
      <c r="B8" s="1" t="s">
        <v>51</v>
      </c>
      <c r="C8" s="2">
        <v>32989</v>
      </c>
      <c r="D8" s="8" t="s">
        <v>52</v>
      </c>
      <c r="F8" s="12" t="s">
        <v>53</v>
      </c>
      <c r="G8" s="13" t="s">
        <v>30</v>
      </c>
      <c r="H8" s="7"/>
      <c r="I8" s="8"/>
      <c r="J8" s="8"/>
      <c r="K8" s="7"/>
      <c r="L8" s="8"/>
      <c r="M8" s="8"/>
      <c r="N8" s="7" t="s">
        <v>25</v>
      </c>
      <c r="O8" s="8" t="s">
        <v>54</v>
      </c>
      <c r="P8" s="8" t="s">
        <v>30</v>
      </c>
    </row>
    <row r="9" spans="1:254" x14ac:dyDescent="0.25">
      <c r="A9" s="9" t="s">
        <v>55</v>
      </c>
      <c r="B9" s="9" t="s">
        <v>56</v>
      </c>
      <c r="C9" s="10">
        <v>33656</v>
      </c>
      <c r="D9" s="11" t="s">
        <v>57</v>
      </c>
      <c r="E9" s="11"/>
      <c r="F9" s="12" t="s">
        <v>58</v>
      </c>
      <c r="G9" s="13" t="s">
        <v>59</v>
      </c>
      <c r="H9" s="9"/>
      <c r="I9" s="12"/>
      <c r="J9" s="13"/>
      <c r="K9" s="9" t="s">
        <v>25</v>
      </c>
      <c r="L9" s="12" t="s">
        <v>58</v>
      </c>
      <c r="M9" s="13" t="s">
        <v>30</v>
      </c>
      <c r="N9" s="9"/>
      <c r="O9" s="12"/>
      <c r="P9" s="13"/>
      <c r="Q9" s="9"/>
      <c r="R9" s="12"/>
      <c r="S9" s="13"/>
      <c r="T9" s="9"/>
      <c r="U9" s="12"/>
      <c r="V9" s="13"/>
      <c r="W9" s="9"/>
      <c r="X9" s="12"/>
      <c r="Y9" s="13"/>
      <c r="Z9" s="9"/>
      <c r="AA9" s="12"/>
      <c r="AB9" s="13"/>
      <c r="AC9" s="9"/>
      <c r="AD9" s="12"/>
      <c r="AE9" s="13"/>
      <c r="AF9" s="9"/>
      <c r="AG9" s="12"/>
      <c r="AH9" s="13"/>
      <c r="AI9" s="9"/>
      <c r="AJ9" s="12"/>
      <c r="AK9" s="13"/>
      <c r="AL9" s="9"/>
      <c r="AM9" s="12"/>
      <c r="AN9" s="13"/>
      <c r="AO9" s="9"/>
      <c r="AP9" s="12"/>
      <c r="AQ9" s="13"/>
      <c r="AR9" s="9"/>
      <c r="AS9" s="12"/>
      <c r="AT9" s="13"/>
      <c r="AU9" s="9"/>
      <c r="AV9" s="9"/>
      <c r="AW9" s="13"/>
      <c r="AX9" s="12"/>
      <c r="AY9" s="12"/>
      <c r="AZ9" s="12"/>
      <c r="BA9" s="12"/>
      <c r="BB9" s="12"/>
      <c r="BC9" s="12"/>
      <c r="BD9" s="9"/>
      <c r="BE9" s="9"/>
      <c r="BF9" s="9"/>
      <c r="BG9" s="9"/>
      <c r="BH9" s="9"/>
      <c r="BI9" s="9"/>
      <c r="BJ9" s="9"/>
      <c r="BK9" s="9"/>
      <c r="BL9" s="9"/>
      <c r="BM9" s="9"/>
      <c r="BN9" s="9"/>
      <c r="BO9" s="9"/>
      <c r="BP9" s="9"/>
      <c r="BQ9" s="9"/>
      <c r="BR9" s="9"/>
      <c r="BS9" s="9"/>
      <c r="BT9" s="9"/>
      <c r="BU9" s="9"/>
      <c r="BV9" s="9"/>
      <c r="BW9" s="9"/>
      <c r="BX9" s="9"/>
      <c r="BY9" s="9"/>
      <c r="BZ9" s="9"/>
      <c r="CA9" s="9"/>
      <c r="CB9" s="9"/>
      <c r="CC9" s="9"/>
      <c r="CD9" s="9"/>
      <c r="CE9" s="9"/>
      <c r="CF9" s="9"/>
      <c r="CG9" s="9"/>
      <c r="CH9" s="9"/>
      <c r="CI9" s="9"/>
      <c r="CJ9" s="9"/>
      <c r="CK9" s="9"/>
      <c r="CL9" s="9"/>
      <c r="CM9" s="9"/>
      <c r="CN9" s="9"/>
      <c r="CO9" s="9"/>
      <c r="CP9" s="9"/>
      <c r="CQ9" s="9"/>
      <c r="CR9" s="9"/>
      <c r="CS9" s="9"/>
      <c r="CT9" s="9"/>
      <c r="CU9" s="9"/>
      <c r="CV9" s="9"/>
      <c r="CW9" s="9"/>
      <c r="CX9" s="9"/>
      <c r="CY9" s="9"/>
      <c r="CZ9" s="9"/>
      <c r="DA9" s="9"/>
      <c r="DB9" s="9"/>
      <c r="DC9" s="9"/>
      <c r="DD9" s="9"/>
      <c r="DE9" s="9"/>
      <c r="DF9" s="9"/>
      <c r="DG9" s="9"/>
      <c r="DH9" s="9"/>
      <c r="DI9" s="9"/>
      <c r="DJ9" s="9"/>
      <c r="DK9" s="9"/>
      <c r="DL9" s="9"/>
      <c r="DM9" s="9"/>
      <c r="DN9" s="9"/>
      <c r="DO9" s="9"/>
      <c r="DP9" s="9"/>
      <c r="DQ9" s="9"/>
      <c r="DR9" s="9"/>
      <c r="DS9" s="9"/>
      <c r="DT9" s="9"/>
      <c r="DU9" s="9"/>
      <c r="DV9" s="9"/>
      <c r="DW9" s="9"/>
      <c r="DX9" s="9"/>
      <c r="DY9" s="9"/>
      <c r="DZ9" s="9"/>
      <c r="EA9" s="9"/>
      <c r="EB9" s="9"/>
      <c r="EC9" s="9"/>
      <c r="ED9" s="9"/>
      <c r="EE9" s="9"/>
      <c r="EF9" s="9"/>
      <c r="EG9" s="9"/>
      <c r="EH9" s="9"/>
      <c r="EI9" s="9"/>
      <c r="EJ9" s="9"/>
      <c r="EK9" s="9"/>
      <c r="EL9" s="9"/>
      <c r="EM9" s="9"/>
      <c r="EN9" s="9"/>
      <c r="EO9" s="9"/>
      <c r="EP9" s="9"/>
      <c r="EQ9" s="9"/>
      <c r="ER9" s="9"/>
      <c r="ES9" s="9"/>
      <c r="ET9" s="9"/>
      <c r="EU9" s="9"/>
      <c r="EV9" s="9"/>
      <c r="EW9" s="9"/>
      <c r="EX9" s="9"/>
      <c r="EY9" s="9"/>
      <c r="EZ9" s="9"/>
      <c r="FA9" s="9"/>
      <c r="FB9" s="9"/>
      <c r="FC9" s="9"/>
      <c r="FD9" s="9"/>
      <c r="FE9" s="9"/>
      <c r="FF9" s="9"/>
      <c r="FG9" s="9"/>
      <c r="FH9" s="9"/>
      <c r="FI9" s="9"/>
      <c r="FJ9" s="9"/>
      <c r="FK9" s="9"/>
      <c r="FL9" s="9"/>
      <c r="FM9" s="9"/>
      <c r="FN9" s="9"/>
      <c r="FO9" s="9"/>
      <c r="FP9" s="9"/>
      <c r="FQ9" s="9"/>
      <c r="FR9" s="9"/>
      <c r="FS9" s="9"/>
      <c r="FT9" s="9"/>
      <c r="FU9" s="9"/>
      <c r="FV9" s="9"/>
      <c r="FW9" s="9"/>
      <c r="FX9" s="9"/>
      <c r="FY9" s="9"/>
      <c r="FZ9" s="9"/>
      <c r="GA9" s="9"/>
      <c r="GB9" s="9"/>
      <c r="GC9" s="9"/>
      <c r="GD9" s="9"/>
      <c r="GE9" s="9"/>
      <c r="GF9" s="9"/>
      <c r="GG9" s="9"/>
      <c r="GH9" s="9"/>
      <c r="GI9" s="9"/>
      <c r="GJ9" s="9"/>
      <c r="GK9" s="9"/>
      <c r="GL9" s="9"/>
      <c r="GM9" s="9"/>
      <c r="GN9" s="9"/>
      <c r="GO9" s="9"/>
      <c r="GP9" s="9"/>
      <c r="GQ9" s="9"/>
      <c r="GR9" s="9"/>
      <c r="GS9" s="9"/>
      <c r="GT9" s="9"/>
      <c r="GU9" s="9"/>
      <c r="GV9" s="9"/>
      <c r="GW9" s="9"/>
      <c r="GX9" s="9"/>
      <c r="GY9" s="9"/>
      <c r="GZ9" s="9"/>
      <c r="HA9" s="9"/>
      <c r="HB9" s="9"/>
      <c r="HC9" s="9"/>
      <c r="HD9" s="9"/>
      <c r="HE9" s="9"/>
      <c r="HF9" s="9"/>
      <c r="HG9" s="9"/>
      <c r="HH9" s="9"/>
      <c r="HI9" s="9"/>
      <c r="HJ9" s="9"/>
      <c r="HK9" s="9"/>
      <c r="HL9" s="9"/>
      <c r="HM9" s="9"/>
      <c r="HN9" s="9"/>
      <c r="HO9" s="9"/>
      <c r="HP9" s="9"/>
      <c r="HQ9" s="9"/>
      <c r="HR9" s="9"/>
      <c r="HS9" s="9"/>
      <c r="HT9" s="9"/>
      <c r="HU9" s="9"/>
      <c r="HV9" s="9"/>
      <c r="HW9" s="9"/>
      <c r="HX9" s="9"/>
      <c r="HY9" s="9"/>
      <c r="HZ9" s="9"/>
      <c r="IA9" s="9"/>
      <c r="IB9" s="9"/>
      <c r="IC9" s="9"/>
      <c r="ID9" s="9"/>
      <c r="IE9" s="9"/>
      <c r="IF9" s="9"/>
      <c r="IG9" s="9"/>
      <c r="IH9" s="9"/>
      <c r="II9" s="9"/>
      <c r="IJ9" s="9"/>
      <c r="IK9" s="9"/>
      <c r="IL9" s="9"/>
      <c r="IM9" s="9"/>
      <c r="IN9" s="9"/>
      <c r="IO9" s="9"/>
      <c r="IP9" s="9"/>
      <c r="IQ9" s="9"/>
      <c r="IR9" s="9"/>
      <c r="IS9" s="9"/>
      <c r="IT9" s="9"/>
    </row>
    <row r="10" spans="1:254" x14ac:dyDescent="0.25">
      <c r="A10" s="9" t="s">
        <v>60</v>
      </c>
      <c r="B10" s="9" t="s">
        <v>61</v>
      </c>
      <c r="C10" s="10">
        <v>33000</v>
      </c>
      <c r="D10" s="11" t="s">
        <v>34</v>
      </c>
      <c r="E10" s="11"/>
      <c r="F10" s="12" t="s">
        <v>58</v>
      </c>
      <c r="G10" s="13" t="s">
        <v>18</v>
      </c>
      <c r="H10" s="9"/>
      <c r="I10" s="12"/>
      <c r="J10" s="13"/>
      <c r="K10" s="9" t="s">
        <v>60</v>
      </c>
      <c r="L10" s="12" t="s">
        <v>43</v>
      </c>
      <c r="M10" s="13" t="s">
        <v>18</v>
      </c>
      <c r="N10" s="9"/>
      <c r="O10" s="12"/>
      <c r="P10" s="13"/>
      <c r="Q10" s="9"/>
      <c r="R10" s="12"/>
      <c r="S10" s="13"/>
      <c r="T10" s="9"/>
      <c r="U10" s="12"/>
      <c r="V10" s="13"/>
      <c r="W10" s="9"/>
      <c r="X10" s="12"/>
      <c r="Y10" s="13"/>
      <c r="Z10" s="9"/>
      <c r="AA10" s="12"/>
      <c r="AB10" s="13"/>
      <c r="AC10" s="9"/>
      <c r="AD10" s="12"/>
      <c r="AE10" s="13"/>
      <c r="AF10" s="9"/>
      <c r="AG10" s="12"/>
      <c r="AH10" s="13"/>
      <c r="AI10" s="9"/>
      <c r="AJ10" s="12"/>
      <c r="AK10" s="13"/>
      <c r="AL10" s="9"/>
      <c r="AM10" s="12"/>
      <c r="AN10" s="13"/>
      <c r="AO10" s="9"/>
      <c r="AP10" s="12"/>
      <c r="AQ10" s="13"/>
      <c r="AR10" s="9"/>
      <c r="AS10" s="12"/>
      <c r="AT10" s="13"/>
      <c r="AU10" s="9"/>
      <c r="AV10" s="9"/>
      <c r="AW10" s="13"/>
      <c r="AX10" s="12"/>
      <c r="AY10" s="12"/>
      <c r="AZ10" s="12"/>
      <c r="BA10" s="12"/>
      <c r="BB10" s="12"/>
      <c r="BC10" s="12"/>
      <c r="BD10" s="9"/>
      <c r="BE10" s="9"/>
      <c r="BF10" s="9"/>
      <c r="BG10" s="9"/>
      <c r="BH10" s="9"/>
      <c r="BI10" s="9"/>
      <c r="BJ10" s="9"/>
      <c r="BK10" s="9"/>
      <c r="BL10" s="9"/>
      <c r="BM10" s="9"/>
      <c r="BN10" s="9"/>
      <c r="BO10" s="9"/>
      <c r="BP10" s="9"/>
      <c r="BQ10" s="9"/>
      <c r="BR10" s="9"/>
      <c r="BS10" s="9"/>
      <c r="BT10" s="9"/>
      <c r="BU10" s="9"/>
      <c r="BV10" s="9"/>
      <c r="BW10" s="9"/>
      <c r="BX10" s="9"/>
      <c r="BY10" s="9"/>
      <c r="BZ10" s="9"/>
      <c r="CA10" s="9"/>
      <c r="CB10" s="9"/>
      <c r="CC10" s="9"/>
      <c r="CD10" s="9"/>
      <c r="CE10" s="9"/>
      <c r="CF10" s="9"/>
      <c r="CG10" s="9"/>
      <c r="CH10" s="9"/>
      <c r="CI10" s="9"/>
      <c r="CJ10" s="9"/>
      <c r="CK10" s="9"/>
      <c r="CL10" s="9"/>
      <c r="CM10" s="9"/>
      <c r="CN10" s="9"/>
      <c r="CO10" s="9"/>
      <c r="CP10" s="9"/>
      <c r="CQ10" s="9"/>
      <c r="CR10" s="9"/>
      <c r="CS10" s="9"/>
      <c r="CT10" s="9"/>
      <c r="CU10" s="9"/>
      <c r="CV10" s="9"/>
      <c r="CW10" s="9"/>
      <c r="CX10" s="9"/>
      <c r="CY10" s="9"/>
      <c r="CZ10" s="9"/>
      <c r="DA10" s="9"/>
      <c r="DB10" s="9"/>
      <c r="DC10" s="9"/>
      <c r="DD10" s="9"/>
      <c r="DE10" s="9"/>
      <c r="DF10" s="9"/>
      <c r="DG10" s="9"/>
      <c r="DH10" s="9"/>
      <c r="DI10" s="9"/>
      <c r="DJ10" s="9"/>
      <c r="DK10" s="9"/>
      <c r="DL10" s="9"/>
      <c r="DM10" s="9"/>
      <c r="DN10" s="9"/>
      <c r="DO10" s="9"/>
      <c r="DP10" s="9"/>
      <c r="DQ10" s="9"/>
      <c r="DR10" s="9"/>
      <c r="DS10" s="9"/>
      <c r="DT10" s="9"/>
      <c r="DU10" s="9"/>
      <c r="DV10" s="9"/>
      <c r="DW10" s="9"/>
      <c r="DX10" s="9"/>
      <c r="DY10" s="9"/>
      <c r="DZ10" s="9"/>
      <c r="EA10" s="9"/>
      <c r="EB10" s="9"/>
      <c r="EC10" s="9"/>
      <c r="ED10" s="9"/>
      <c r="EE10" s="9"/>
      <c r="EF10" s="9"/>
      <c r="EG10" s="9"/>
      <c r="EH10" s="9"/>
      <c r="EI10" s="9"/>
      <c r="EJ10" s="9"/>
      <c r="EK10" s="9"/>
      <c r="EL10" s="9"/>
      <c r="EM10" s="9"/>
      <c r="EN10" s="9"/>
      <c r="EO10" s="9"/>
      <c r="EP10" s="9"/>
      <c r="EQ10" s="9"/>
      <c r="ER10" s="9"/>
      <c r="ES10" s="9"/>
      <c r="ET10" s="9"/>
      <c r="EU10" s="9"/>
      <c r="EV10" s="9"/>
      <c r="EW10" s="9"/>
      <c r="EX10" s="9"/>
      <c r="EY10" s="9"/>
      <c r="EZ10" s="9"/>
      <c r="FA10" s="9"/>
      <c r="FB10" s="9"/>
      <c r="FC10" s="9"/>
      <c r="FD10" s="9"/>
      <c r="FE10" s="9"/>
      <c r="FF10" s="9"/>
      <c r="FG10" s="9"/>
      <c r="FH10" s="9"/>
      <c r="FI10" s="9"/>
      <c r="FJ10" s="9"/>
      <c r="FK10" s="9"/>
      <c r="FL10" s="9"/>
      <c r="FM10" s="9"/>
      <c r="FN10" s="9"/>
      <c r="FO10" s="9"/>
      <c r="FP10" s="9"/>
      <c r="FQ10" s="9"/>
      <c r="FR10" s="9"/>
      <c r="FS10" s="9"/>
      <c r="FT10" s="9"/>
      <c r="FU10" s="9"/>
      <c r="FV10" s="9"/>
      <c r="FW10" s="9"/>
      <c r="FX10" s="9"/>
      <c r="FY10" s="9"/>
      <c r="FZ10" s="9"/>
      <c r="GA10" s="9"/>
      <c r="GB10" s="9"/>
      <c r="GC10" s="9"/>
      <c r="GD10" s="9"/>
      <c r="GE10" s="9"/>
      <c r="GF10" s="9"/>
      <c r="GG10" s="9"/>
      <c r="GH10" s="9"/>
      <c r="GI10" s="9"/>
      <c r="GJ10" s="9"/>
      <c r="GK10" s="9"/>
      <c r="GL10" s="9"/>
      <c r="GM10" s="9"/>
      <c r="GN10" s="9"/>
      <c r="GO10" s="9"/>
      <c r="GP10" s="9"/>
      <c r="GQ10" s="9"/>
      <c r="GR10" s="9"/>
      <c r="GS10" s="9"/>
      <c r="GT10" s="9"/>
      <c r="GU10" s="9"/>
      <c r="GV10" s="9"/>
      <c r="GW10" s="9"/>
      <c r="GX10" s="9"/>
      <c r="GY10" s="9"/>
      <c r="GZ10" s="9"/>
      <c r="HA10" s="9"/>
      <c r="HB10" s="9"/>
      <c r="HC10" s="9"/>
      <c r="HD10" s="9"/>
      <c r="HE10" s="9"/>
      <c r="HF10" s="9"/>
      <c r="HG10" s="9"/>
      <c r="HH10" s="9"/>
      <c r="HI10" s="9"/>
      <c r="HJ10" s="9"/>
      <c r="HK10" s="9"/>
      <c r="HL10" s="9"/>
      <c r="HM10" s="9"/>
      <c r="HN10" s="9"/>
      <c r="HO10" s="9"/>
      <c r="HP10" s="9"/>
      <c r="HQ10" s="9"/>
      <c r="HR10" s="9"/>
      <c r="HS10" s="9"/>
      <c r="HT10" s="9"/>
      <c r="HU10" s="9"/>
      <c r="HV10" s="9"/>
      <c r="HW10" s="9"/>
      <c r="HX10" s="9"/>
      <c r="HY10" s="9"/>
      <c r="HZ10" s="9"/>
      <c r="IA10" s="9"/>
      <c r="IB10" s="9"/>
      <c r="IC10" s="9"/>
      <c r="ID10" s="9"/>
      <c r="IE10" s="9"/>
      <c r="IF10" s="9"/>
      <c r="IG10" s="9"/>
      <c r="IH10" s="9"/>
      <c r="II10" s="9"/>
      <c r="IJ10" s="9"/>
      <c r="IK10" s="9"/>
      <c r="IL10" s="9"/>
      <c r="IM10" s="9"/>
      <c r="IN10" s="9"/>
      <c r="IO10" s="9"/>
      <c r="IP10" s="9"/>
      <c r="IQ10" s="9"/>
      <c r="IR10" s="9"/>
      <c r="IS10" s="9"/>
      <c r="IT10" s="9"/>
    </row>
    <row r="11" spans="1:254" x14ac:dyDescent="0.25">
      <c r="A11" s="7" t="s">
        <v>62</v>
      </c>
      <c r="B11" s="7" t="s">
        <v>63</v>
      </c>
      <c r="C11" s="14">
        <v>32674</v>
      </c>
      <c r="D11" s="8" t="s">
        <v>64</v>
      </c>
      <c r="E11" s="11" t="s">
        <v>65</v>
      </c>
      <c r="F11" s="8" t="s">
        <v>66</v>
      </c>
      <c r="G11" s="8" t="s">
        <v>67</v>
      </c>
      <c r="H11" s="7"/>
      <c r="I11" s="8"/>
      <c r="J11" s="8"/>
      <c r="K11" s="7" t="s">
        <v>68</v>
      </c>
      <c r="L11" s="8" t="s">
        <v>69</v>
      </c>
      <c r="M11" s="8" t="s">
        <v>70</v>
      </c>
      <c r="N11" s="7" t="s">
        <v>62</v>
      </c>
      <c r="O11" s="8" t="s">
        <v>71</v>
      </c>
      <c r="P11" s="8" t="s">
        <v>72</v>
      </c>
      <c r="Q11" s="7" t="s">
        <v>73</v>
      </c>
      <c r="R11" s="8" t="s">
        <v>71</v>
      </c>
      <c r="S11" s="8" t="s">
        <v>18</v>
      </c>
      <c r="T11" s="7" t="s">
        <v>73</v>
      </c>
      <c r="U11" s="8" t="s">
        <v>71</v>
      </c>
      <c r="V11" s="8" t="s">
        <v>18</v>
      </c>
      <c r="W11" s="7"/>
      <c r="X11" s="8"/>
      <c r="Y11" s="8"/>
      <c r="Z11" s="7"/>
      <c r="AA11" s="8"/>
      <c r="AB11" s="8"/>
      <c r="AC11" s="7"/>
      <c r="AD11" s="8"/>
      <c r="AE11" s="8"/>
      <c r="AF11" s="7"/>
      <c r="AG11" s="8"/>
      <c r="AH11" s="8"/>
      <c r="AI11" s="7"/>
      <c r="AJ11" s="8"/>
      <c r="AK11" s="8"/>
      <c r="AL11" s="7"/>
      <c r="AM11" s="8"/>
      <c r="AN11" s="8"/>
      <c r="AO11" s="7"/>
      <c r="AP11" s="8"/>
      <c r="AQ11" s="8"/>
      <c r="AR11" s="7"/>
      <c r="AS11" s="8"/>
      <c r="AT11" s="15"/>
      <c r="AU11" s="7"/>
      <c r="AV11" s="7"/>
      <c r="AW11" s="15"/>
      <c r="AX11" s="15"/>
      <c r="AY11" s="15"/>
      <c r="AZ11" s="15"/>
      <c r="BA11" s="7"/>
      <c r="BB11" s="16"/>
      <c r="BC11" s="16"/>
      <c r="BD11" s="7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7"/>
      <c r="BP11" s="7"/>
      <c r="BQ11" s="7"/>
      <c r="BR11" s="7"/>
      <c r="BS11" s="7"/>
      <c r="BT11" s="7"/>
      <c r="BU11" s="7"/>
      <c r="BV11" s="7"/>
      <c r="BW11" s="7"/>
      <c r="BX11" s="7"/>
      <c r="BY11" s="7"/>
      <c r="BZ11" s="7"/>
      <c r="CA11" s="7"/>
      <c r="CB11" s="7"/>
      <c r="CC11" s="7"/>
      <c r="CD11" s="7"/>
      <c r="CE11" s="7"/>
      <c r="CF11" s="7"/>
      <c r="CG11" s="7"/>
      <c r="CH11" s="7"/>
      <c r="CI11" s="7"/>
      <c r="CJ11" s="7"/>
      <c r="CK11" s="7"/>
      <c r="CL11" s="7"/>
      <c r="CM11" s="7"/>
      <c r="CN11" s="7"/>
      <c r="CO11" s="7"/>
      <c r="CP11" s="7"/>
      <c r="CQ11" s="7"/>
      <c r="CR11" s="7"/>
      <c r="CS11" s="7"/>
      <c r="CT11" s="7"/>
      <c r="CU11" s="7"/>
      <c r="CV11" s="7"/>
      <c r="CW11" s="7"/>
      <c r="CX11" s="7"/>
      <c r="CY11" s="7"/>
      <c r="CZ11" s="7"/>
      <c r="DA11" s="7"/>
      <c r="DB11" s="7"/>
      <c r="DC11" s="7"/>
      <c r="DD11" s="7"/>
      <c r="DE11" s="7"/>
      <c r="DF11" s="7"/>
      <c r="DG11" s="7"/>
      <c r="DH11" s="7"/>
      <c r="DI11" s="7"/>
      <c r="DJ11" s="7"/>
      <c r="DK11" s="7"/>
      <c r="DL11" s="7"/>
      <c r="DM11" s="7"/>
      <c r="DN11" s="7"/>
      <c r="DO11" s="7"/>
      <c r="DP11" s="7"/>
      <c r="DQ11" s="7"/>
      <c r="DR11" s="7"/>
      <c r="DS11" s="7"/>
      <c r="DT11" s="7"/>
      <c r="DU11" s="7"/>
      <c r="DV11" s="7"/>
      <c r="DW11" s="7"/>
      <c r="DX11" s="7"/>
      <c r="DY11" s="7"/>
      <c r="DZ11" s="7"/>
      <c r="EA11" s="7"/>
      <c r="EB11" s="7"/>
      <c r="EC11" s="7"/>
      <c r="ED11" s="7"/>
      <c r="EE11" s="7"/>
      <c r="EF11" s="7"/>
      <c r="EG11" s="7"/>
      <c r="EH11" s="7"/>
      <c r="EI11" s="7"/>
      <c r="EJ11" s="7"/>
      <c r="EK11" s="7"/>
      <c r="EL11" s="7"/>
      <c r="EM11" s="7"/>
      <c r="EN11" s="7"/>
      <c r="EO11" s="7"/>
      <c r="EP11" s="7"/>
      <c r="EQ11" s="7"/>
      <c r="ER11" s="7"/>
      <c r="ES11" s="7"/>
      <c r="ET11" s="7"/>
      <c r="EU11" s="7"/>
      <c r="EV11" s="7"/>
      <c r="EW11" s="7"/>
      <c r="EX11" s="7"/>
      <c r="EY11" s="7"/>
      <c r="EZ11" s="7"/>
      <c r="FA11" s="7"/>
      <c r="FB11" s="7"/>
      <c r="FC11" s="7"/>
      <c r="FD11" s="7"/>
      <c r="FE11" s="7"/>
      <c r="FF11" s="7"/>
      <c r="FG11" s="7"/>
      <c r="FH11" s="7"/>
      <c r="FI11" s="7"/>
      <c r="FJ11" s="7"/>
      <c r="FK11" s="7"/>
      <c r="FL11" s="7"/>
      <c r="FM11" s="7"/>
      <c r="FN11" s="7"/>
      <c r="FO11" s="7"/>
      <c r="FP11" s="7"/>
      <c r="FQ11" s="7"/>
      <c r="FR11" s="7"/>
      <c r="FS11" s="7"/>
      <c r="FT11" s="7"/>
      <c r="FU11" s="7"/>
      <c r="FV11" s="7"/>
      <c r="FW11" s="7"/>
      <c r="FX11" s="7"/>
      <c r="FY11" s="7"/>
      <c r="FZ11" s="7"/>
      <c r="GA11" s="7"/>
      <c r="GB11" s="7"/>
      <c r="GC11" s="7"/>
      <c r="GD11" s="7"/>
      <c r="GE11" s="7"/>
      <c r="GF11" s="7"/>
      <c r="GG11" s="7"/>
      <c r="GH11" s="7"/>
      <c r="GI11" s="7"/>
      <c r="GJ11" s="7"/>
      <c r="GK11" s="7"/>
      <c r="GL11" s="7"/>
      <c r="GM11" s="7"/>
      <c r="GN11" s="7"/>
      <c r="GO11" s="7"/>
      <c r="GP11" s="7"/>
      <c r="GQ11" s="7"/>
      <c r="GR11" s="7"/>
      <c r="GS11" s="7"/>
      <c r="GT11" s="7"/>
      <c r="GU11" s="7"/>
      <c r="GV11" s="7"/>
      <c r="GW11" s="7"/>
      <c r="GX11" s="7"/>
      <c r="GY11" s="7"/>
      <c r="GZ11" s="7"/>
      <c r="HA11" s="7"/>
      <c r="HB11" s="7"/>
      <c r="HC11" s="7"/>
      <c r="HD11" s="7"/>
      <c r="HE11" s="7"/>
      <c r="HF11" s="7"/>
      <c r="HG11" s="7"/>
      <c r="HH11" s="7"/>
      <c r="HI11" s="7"/>
      <c r="HJ11" s="7"/>
      <c r="HK11" s="7"/>
      <c r="HL11" s="7"/>
      <c r="HM11" s="7"/>
      <c r="HN11" s="7"/>
      <c r="HO11" s="7"/>
      <c r="HP11" s="7"/>
      <c r="HQ11" s="7"/>
      <c r="HR11" s="7"/>
      <c r="HS11" s="7"/>
      <c r="HT11" s="7"/>
      <c r="HU11" s="7"/>
      <c r="HV11" s="7"/>
      <c r="HW11" s="7"/>
      <c r="HX11" s="7"/>
      <c r="HY11" s="7"/>
      <c r="HZ11" s="7"/>
      <c r="IA11" s="7"/>
      <c r="IB11" s="7"/>
      <c r="IC11" s="7"/>
      <c r="ID11" s="7"/>
      <c r="IE11" s="7"/>
      <c r="IF11" s="7"/>
      <c r="IG11" s="7"/>
      <c r="IH11" s="7"/>
      <c r="II11" s="7"/>
      <c r="IJ11" s="7"/>
      <c r="IK11" s="7"/>
      <c r="IL11" s="7"/>
      <c r="IM11" s="7"/>
      <c r="IN11" s="7"/>
      <c r="IO11" s="7"/>
      <c r="IP11" s="7"/>
      <c r="IQ11" s="7"/>
      <c r="IR11" s="7"/>
      <c r="IS11" s="7"/>
      <c r="IT11" s="7"/>
    </row>
    <row r="12" spans="1:254" x14ac:dyDescent="0.25">
      <c r="A12" s="17" t="s">
        <v>74</v>
      </c>
      <c r="B12" s="1" t="s">
        <v>75</v>
      </c>
      <c r="C12" s="2">
        <v>33627</v>
      </c>
      <c r="D12" s="8" t="s">
        <v>76</v>
      </c>
      <c r="F12" s="18" t="s">
        <v>77</v>
      </c>
      <c r="G12" s="19" t="s">
        <v>70</v>
      </c>
      <c r="H12" s="17"/>
      <c r="I12" s="18"/>
      <c r="J12" s="19"/>
      <c r="K12" s="17"/>
      <c r="L12" s="18"/>
      <c r="M12" s="19"/>
      <c r="N12" s="17" t="s">
        <v>62</v>
      </c>
      <c r="O12" s="18" t="s">
        <v>21</v>
      </c>
      <c r="P12" s="19" t="s">
        <v>67</v>
      </c>
    </row>
    <row r="13" spans="1:254" x14ac:dyDescent="0.25">
      <c r="A13" s="7" t="s">
        <v>78</v>
      </c>
      <c r="B13" s="7" t="s">
        <v>79</v>
      </c>
      <c r="C13" s="14">
        <v>32703</v>
      </c>
      <c r="D13" s="8" t="s">
        <v>80</v>
      </c>
      <c r="E13" s="8" t="s">
        <v>81</v>
      </c>
      <c r="F13" s="8" t="s">
        <v>82</v>
      </c>
      <c r="G13" s="8" t="s">
        <v>83</v>
      </c>
      <c r="H13" s="7"/>
      <c r="I13" s="8"/>
      <c r="J13" s="8"/>
      <c r="K13" s="7" t="s">
        <v>78</v>
      </c>
      <c r="L13" s="8" t="s">
        <v>82</v>
      </c>
      <c r="M13" s="8" t="s">
        <v>84</v>
      </c>
      <c r="N13" s="7" t="s">
        <v>78</v>
      </c>
      <c r="O13" s="8" t="s">
        <v>82</v>
      </c>
      <c r="P13" s="8" t="s">
        <v>85</v>
      </c>
      <c r="Q13" s="7" t="s">
        <v>86</v>
      </c>
      <c r="R13" s="8" t="s">
        <v>82</v>
      </c>
      <c r="S13" s="8" t="s">
        <v>87</v>
      </c>
      <c r="T13" s="7" t="s">
        <v>86</v>
      </c>
      <c r="U13" s="8" t="s">
        <v>82</v>
      </c>
      <c r="V13" s="8" t="s">
        <v>22</v>
      </c>
      <c r="W13" s="7"/>
      <c r="X13" s="8"/>
      <c r="Y13" s="8"/>
      <c r="Z13" s="7"/>
      <c r="AA13" s="8"/>
      <c r="AB13" s="8"/>
      <c r="AC13" s="7"/>
      <c r="AD13" s="8"/>
      <c r="AE13" s="8"/>
      <c r="AF13" s="7"/>
      <c r="AG13" s="8"/>
      <c r="AH13" s="8"/>
      <c r="AI13" s="7"/>
      <c r="AJ13" s="8"/>
      <c r="AK13" s="8"/>
      <c r="AL13" s="7"/>
      <c r="AM13" s="8"/>
      <c r="AN13" s="8"/>
      <c r="AO13" s="7"/>
      <c r="AP13" s="8"/>
      <c r="AQ13" s="8"/>
      <c r="AR13" s="7"/>
      <c r="AS13" s="8"/>
      <c r="AT13" s="15"/>
      <c r="AU13" s="7"/>
      <c r="AV13" s="7"/>
      <c r="AW13" s="15"/>
      <c r="AX13" s="15"/>
      <c r="AY13" s="15"/>
      <c r="AZ13" s="15"/>
      <c r="BA13" s="7"/>
      <c r="BB13" s="16"/>
      <c r="BC13" s="16"/>
      <c r="BD13" s="20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7"/>
      <c r="BP13" s="7"/>
      <c r="BQ13" s="7"/>
      <c r="BR13" s="7"/>
      <c r="BS13" s="7"/>
      <c r="BT13" s="7"/>
      <c r="BU13" s="7"/>
      <c r="BV13" s="7"/>
      <c r="BW13" s="7"/>
      <c r="BX13" s="7"/>
      <c r="BY13" s="7"/>
      <c r="BZ13" s="7"/>
      <c r="CA13" s="7"/>
      <c r="CB13" s="7"/>
      <c r="CC13" s="7"/>
      <c r="CD13" s="7"/>
      <c r="CE13" s="7"/>
      <c r="CF13" s="7"/>
      <c r="CG13" s="7"/>
      <c r="CH13" s="7"/>
      <c r="CI13" s="7"/>
      <c r="CJ13" s="7"/>
      <c r="CK13" s="7"/>
      <c r="CL13" s="7"/>
      <c r="CM13" s="7"/>
      <c r="CN13" s="7"/>
      <c r="CO13" s="7"/>
      <c r="CP13" s="7"/>
      <c r="CQ13" s="7"/>
      <c r="CR13" s="7"/>
      <c r="CS13" s="7"/>
      <c r="CT13" s="7"/>
      <c r="CU13" s="7"/>
      <c r="CV13" s="7"/>
      <c r="CW13" s="7"/>
      <c r="CX13" s="7"/>
      <c r="CY13" s="7"/>
      <c r="CZ13" s="7"/>
      <c r="DA13" s="7"/>
      <c r="DB13" s="7"/>
      <c r="DC13" s="7"/>
      <c r="DD13" s="7"/>
      <c r="DE13" s="7"/>
      <c r="DF13" s="7"/>
      <c r="DG13" s="7"/>
      <c r="DH13" s="7"/>
      <c r="DI13" s="7"/>
      <c r="DJ13" s="7"/>
      <c r="DK13" s="7"/>
      <c r="DL13" s="7"/>
      <c r="DM13" s="7"/>
      <c r="DN13" s="7"/>
      <c r="DO13" s="7"/>
      <c r="DP13" s="7"/>
      <c r="DQ13" s="7"/>
      <c r="DR13" s="7"/>
      <c r="DS13" s="7"/>
      <c r="DT13" s="7"/>
      <c r="DU13" s="7"/>
      <c r="DV13" s="7"/>
      <c r="DW13" s="7"/>
      <c r="DX13" s="7"/>
      <c r="DY13" s="7"/>
      <c r="DZ13" s="7"/>
      <c r="EA13" s="7"/>
      <c r="EB13" s="7"/>
      <c r="EC13" s="7"/>
      <c r="ED13" s="7"/>
      <c r="EE13" s="7"/>
      <c r="EF13" s="7"/>
      <c r="EG13" s="7"/>
      <c r="EH13" s="7"/>
      <c r="EI13" s="7"/>
      <c r="EJ13" s="7"/>
      <c r="EK13" s="7"/>
      <c r="EL13" s="7"/>
      <c r="EM13" s="7"/>
      <c r="EN13" s="7"/>
      <c r="EO13" s="7"/>
      <c r="EP13" s="7"/>
      <c r="EQ13" s="7"/>
      <c r="ER13" s="7"/>
      <c r="ES13" s="7"/>
      <c r="ET13" s="7"/>
      <c r="EU13" s="7"/>
      <c r="EV13" s="7"/>
      <c r="EW13" s="7"/>
      <c r="EX13" s="7"/>
      <c r="EY13" s="7"/>
      <c r="EZ13" s="7"/>
      <c r="FA13" s="7"/>
      <c r="FB13" s="7"/>
      <c r="FC13" s="7"/>
      <c r="FD13" s="7"/>
      <c r="FE13" s="7"/>
      <c r="FF13" s="7"/>
      <c r="FG13" s="7"/>
      <c r="FH13" s="7"/>
      <c r="FI13" s="7"/>
      <c r="FJ13" s="7"/>
      <c r="FK13" s="7"/>
      <c r="FL13" s="7"/>
      <c r="FM13" s="7"/>
      <c r="FN13" s="7"/>
      <c r="FO13" s="7"/>
      <c r="FP13" s="7"/>
      <c r="FQ13" s="7"/>
      <c r="FR13" s="7"/>
      <c r="FS13" s="7"/>
      <c r="FT13" s="7"/>
      <c r="FU13" s="7"/>
      <c r="FV13" s="7"/>
      <c r="FW13" s="7"/>
      <c r="FX13" s="7"/>
      <c r="FY13" s="7"/>
      <c r="FZ13" s="7"/>
      <c r="GA13" s="7"/>
      <c r="GB13" s="7"/>
      <c r="GC13" s="7"/>
      <c r="GD13" s="7"/>
      <c r="GE13" s="7"/>
      <c r="GF13" s="7"/>
      <c r="GG13" s="7"/>
      <c r="GH13" s="7"/>
      <c r="GI13" s="7"/>
      <c r="GJ13" s="7"/>
      <c r="GK13" s="7"/>
      <c r="GL13" s="7"/>
      <c r="GM13" s="7"/>
      <c r="GN13" s="7"/>
      <c r="GO13" s="7"/>
      <c r="GP13" s="7"/>
      <c r="GQ13" s="7"/>
      <c r="GR13" s="7"/>
      <c r="GS13" s="7"/>
      <c r="GT13" s="7"/>
      <c r="GU13" s="7"/>
      <c r="GV13" s="7"/>
      <c r="GW13" s="7"/>
      <c r="GX13" s="7"/>
      <c r="GY13" s="7"/>
      <c r="GZ13" s="7"/>
      <c r="HA13" s="7"/>
      <c r="HB13" s="7"/>
      <c r="HC13" s="7"/>
      <c r="HD13" s="7"/>
      <c r="HE13" s="7"/>
      <c r="HF13" s="7"/>
      <c r="HG13" s="7"/>
      <c r="HH13" s="7"/>
      <c r="HI13" s="7"/>
      <c r="HJ13" s="7"/>
      <c r="HK13" s="7"/>
      <c r="HL13" s="7"/>
      <c r="HM13" s="7"/>
      <c r="HN13" s="7"/>
      <c r="HO13" s="7"/>
      <c r="HP13" s="7"/>
      <c r="HQ13" s="7"/>
      <c r="HR13" s="7"/>
      <c r="HS13" s="7"/>
      <c r="HT13" s="7"/>
      <c r="HU13" s="7"/>
      <c r="HV13" s="7"/>
      <c r="HW13" s="7"/>
      <c r="HX13" s="7"/>
      <c r="HY13" s="7"/>
      <c r="HZ13" s="7"/>
      <c r="IA13" s="7"/>
      <c r="IB13" s="7"/>
      <c r="IC13" s="7"/>
      <c r="ID13" s="7"/>
      <c r="IE13" s="7"/>
      <c r="IF13" s="7"/>
      <c r="IG13" s="7"/>
      <c r="IH13" s="7"/>
      <c r="II13" s="7"/>
      <c r="IJ13" s="7"/>
      <c r="IK13" s="7"/>
      <c r="IL13" s="7"/>
      <c r="IM13" s="7"/>
      <c r="IN13" s="7"/>
      <c r="IO13" s="7"/>
      <c r="IP13" s="7"/>
      <c r="IQ13" s="7"/>
      <c r="IR13" s="7"/>
      <c r="IS13" s="7"/>
      <c r="IT13" s="7"/>
    </row>
    <row r="14" spans="1:254" x14ac:dyDescent="0.25">
      <c r="A14" s="9" t="s">
        <v>88</v>
      </c>
      <c r="B14" s="9" t="s">
        <v>89</v>
      </c>
      <c r="C14" s="10">
        <v>33461</v>
      </c>
      <c r="D14" s="11" t="s">
        <v>90</v>
      </c>
      <c r="E14" s="11"/>
      <c r="F14" s="12" t="s">
        <v>91</v>
      </c>
      <c r="G14" s="13" t="s">
        <v>92</v>
      </c>
      <c r="H14" s="9"/>
      <c r="I14" s="12"/>
      <c r="J14" s="13"/>
      <c r="K14" s="9" t="s">
        <v>88</v>
      </c>
      <c r="L14" s="12" t="s">
        <v>8</v>
      </c>
      <c r="M14" s="13" t="s">
        <v>93</v>
      </c>
      <c r="N14" s="9"/>
      <c r="O14" s="12"/>
      <c r="P14" s="13"/>
      <c r="Q14" s="9"/>
      <c r="R14" s="12"/>
      <c r="S14" s="13"/>
      <c r="T14" s="9"/>
      <c r="U14" s="12"/>
      <c r="V14" s="13"/>
      <c r="W14" s="9"/>
      <c r="X14" s="12"/>
      <c r="Y14" s="13"/>
      <c r="Z14" s="9"/>
      <c r="AA14" s="12"/>
      <c r="AB14" s="13"/>
      <c r="AC14" s="9"/>
      <c r="AD14" s="12"/>
      <c r="AE14" s="13"/>
      <c r="AF14" s="9"/>
      <c r="AG14" s="12"/>
      <c r="AH14" s="13"/>
      <c r="AI14" s="9"/>
      <c r="AJ14" s="12"/>
      <c r="AK14" s="13"/>
      <c r="AL14" s="9"/>
      <c r="AM14" s="12"/>
      <c r="AN14" s="13"/>
      <c r="AO14" s="9"/>
      <c r="AP14" s="12"/>
      <c r="AQ14" s="13"/>
      <c r="AR14" s="9"/>
      <c r="AS14" s="12"/>
      <c r="AT14" s="13"/>
      <c r="AU14" s="9"/>
      <c r="AV14" s="9"/>
      <c r="AW14" s="13"/>
      <c r="AX14" s="12"/>
      <c r="AY14" s="12"/>
      <c r="AZ14" s="12"/>
      <c r="BA14" s="12"/>
      <c r="BB14" s="12"/>
      <c r="BC14" s="12"/>
      <c r="BD14" s="9"/>
      <c r="BE14" s="9"/>
      <c r="BF14" s="9"/>
      <c r="BG14" s="9"/>
      <c r="BH14" s="9"/>
      <c r="BI14" s="9"/>
      <c r="BJ14" s="9"/>
      <c r="BK14" s="9"/>
      <c r="BL14" s="9"/>
      <c r="BM14" s="9"/>
      <c r="BN14" s="9"/>
      <c r="BO14" s="9"/>
      <c r="BP14" s="9"/>
      <c r="BQ14" s="9"/>
      <c r="BR14" s="9"/>
      <c r="BS14" s="9"/>
      <c r="BT14" s="9"/>
      <c r="BU14" s="9"/>
      <c r="BV14" s="9"/>
      <c r="BW14" s="9"/>
      <c r="BX14" s="9"/>
      <c r="BY14" s="9"/>
      <c r="BZ14" s="9"/>
      <c r="CA14" s="9"/>
      <c r="CB14" s="9"/>
      <c r="CC14" s="9"/>
      <c r="CD14" s="9"/>
      <c r="CE14" s="9"/>
      <c r="CF14" s="9"/>
      <c r="CG14" s="9"/>
      <c r="CH14" s="9"/>
      <c r="CI14" s="9"/>
      <c r="CJ14" s="9"/>
      <c r="CK14" s="9"/>
      <c r="CL14" s="9"/>
      <c r="CM14" s="9"/>
      <c r="CN14" s="9"/>
      <c r="CO14" s="9"/>
      <c r="CP14" s="9"/>
      <c r="CQ14" s="9"/>
      <c r="CR14" s="9"/>
      <c r="CS14" s="9"/>
      <c r="CT14" s="9"/>
      <c r="CU14" s="9"/>
      <c r="CV14" s="9"/>
      <c r="CW14" s="9"/>
      <c r="CX14" s="9"/>
      <c r="CY14" s="9"/>
      <c r="CZ14" s="9"/>
      <c r="DA14" s="9"/>
      <c r="DB14" s="9"/>
      <c r="DC14" s="9"/>
      <c r="DD14" s="9"/>
      <c r="DE14" s="9"/>
      <c r="DF14" s="9"/>
      <c r="DG14" s="9"/>
      <c r="DH14" s="9"/>
      <c r="DI14" s="9"/>
      <c r="DJ14" s="9"/>
      <c r="DK14" s="9"/>
      <c r="DL14" s="9"/>
      <c r="DM14" s="9"/>
      <c r="DN14" s="9"/>
      <c r="DO14" s="9"/>
      <c r="DP14" s="9"/>
      <c r="DQ14" s="9"/>
      <c r="DR14" s="9"/>
      <c r="DS14" s="9"/>
      <c r="DT14" s="9"/>
      <c r="DU14" s="9"/>
      <c r="DV14" s="9"/>
      <c r="DW14" s="9"/>
      <c r="DX14" s="9"/>
      <c r="DY14" s="9"/>
      <c r="DZ14" s="9"/>
      <c r="EA14" s="9"/>
      <c r="EB14" s="9"/>
      <c r="EC14" s="9"/>
      <c r="ED14" s="9"/>
      <c r="EE14" s="9"/>
      <c r="EF14" s="9"/>
      <c r="EG14" s="9"/>
      <c r="EH14" s="9"/>
      <c r="EI14" s="9"/>
      <c r="EJ14" s="9"/>
      <c r="EK14" s="9"/>
      <c r="EL14" s="9"/>
      <c r="EM14" s="9"/>
      <c r="EN14" s="9"/>
      <c r="EO14" s="9"/>
      <c r="EP14" s="9"/>
      <c r="EQ14" s="9"/>
      <c r="ER14" s="9"/>
      <c r="ES14" s="9"/>
      <c r="ET14" s="9"/>
      <c r="EU14" s="9"/>
      <c r="EV14" s="9"/>
      <c r="EW14" s="9"/>
      <c r="EX14" s="9"/>
      <c r="EY14" s="9"/>
      <c r="EZ14" s="9"/>
      <c r="FA14" s="9"/>
      <c r="FB14" s="9"/>
      <c r="FC14" s="9"/>
      <c r="FD14" s="9"/>
      <c r="FE14" s="9"/>
      <c r="FF14" s="9"/>
      <c r="FG14" s="9"/>
      <c r="FH14" s="9"/>
      <c r="FI14" s="9"/>
      <c r="FJ14" s="9"/>
      <c r="FK14" s="9"/>
      <c r="FL14" s="9"/>
      <c r="FM14" s="9"/>
      <c r="FN14" s="9"/>
      <c r="FO14" s="9"/>
      <c r="FP14" s="9"/>
      <c r="FQ14" s="9"/>
      <c r="FR14" s="9"/>
      <c r="FS14" s="9"/>
      <c r="FT14" s="9"/>
      <c r="FU14" s="9"/>
      <c r="FV14" s="9"/>
      <c r="FW14" s="9"/>
      <c r="FX14" s="9"/>
      <c r="FY14" s="9"/>
      <c r="FZ14" s="9"/>
      <c r="GA14" s="9"/>
      <c r="GB14" s="9"/>
      <c r="GC14" s="9"/>
      <c r="GD14" s="9"/>
      <c r="GE14" s="9"/>
      <c r="GF14" s="9"/>
      <c r="GG14" s="9"/>
      <c r="GH14" s="9"/>
      <c r="GI14" s="9"/>
      <c r="GJ14" s="9"/>
      <c r="GK14" s="9"/>
      <c r="GL14" s="9"/>
      <c r="GM14" s="9"/>
      <c r="GN14" s="9"/>
      <c r="GO14" s="9"/>
      <c r="GP14" s="9"/>
      <c r="GQ14" s="9"/>
      <c r="GR14" s="9"/>
      <c r="GS14" s="9"/>
      <c r="GT14" s="9"/>
      <c r="GU14" s="9"/>
      <c r="GV14" s="9"/>
      <c r="GW14" s="9"/>
      <c r="GX14" s="9"/>
      <c r="GY14" s="9"/>
      <c r="GZ14" s="9"/>
      <c r="HA14" s="9"/>
      <c r="HB14" s="9"/>
      <c r="HC14" s="9"/>
      <c r="HD14" s="9"/>
      <c r="HE14" s="9"/>
      <c r="HF14" s="9"/>
      <c r="HG14" s="9"/>
      <c r="HH14" s="9"/>
      <c r="HI14" s="9"/>
      <c r="HJ14" s="9"/>
      <c r="HK14" s="9"/>
      <c r="HL14" s="9"/>
      <c r="HM14" s="9"/>
      <c r="HN14" s="9"/>
      <c r="HO14" s="9"/>
      <c r="HP14" s="9"/>
      <c r="HQ14" s="9"/>
      <c r="HR14" s="9"/>
      <c r="HS14" s="9"/>
      <c r="HT14" s="9"/>
      <c r="HU14" s="9"/>
      <c r="HV14" s="9"/>
      <c r="HW14" s="9"/>
      <c r="HX14" s="9"/>
      <c r="HY14" s="9"/>
      <c r="HZ14" s="9"/>
      <c r="IA14" s="9"/>
      <c r="IB14" s="9"/>
      <c r="IC14" s="9"/>
      <c r="ID14" s="9"/>
      <c r="IE14" s="9"/>
      <c r="IF14" s="9"/>
      <c r="IG14" s="9"/>
      <c r="IH14" s="9"/>
      <c r="II14" s="9"/>
      <c r="IJ14" s="9"/>
      <c r="IK14" s="9"/>
      <c r="IL14" s="9"/>
      <c r="IM14" s="9"/>
      <c r="IN14" s="9"/>
      <c r="IO14" s="9"/>
      <c r="IP14" s="9"/>
      <c r="IQ14" s="9"/>
      <c r="IR14" s="9"/>
      <c r="IS14" s="9"/>
      <c r="IT14" s="9"/>
    </row>
    <row r="15" spans="1:254" x14ac:dyDescent="0.25">
      <c r="A15" s="7" t="s">
        <v>78</v>
      </c>
      <c r="B15" s="7" t="s">
        <v>94</v>
      </c>
      <c r="C15" s="14">
        <v>32328</v>
      </c>
      <c r="D15" s="8" t="s">
        <v>95</v>
      </c>
      <c r="E15" s="8" t="s">
        <v>96</v>
      </c>
      <c r="F15" s="8" t="s">
        <v>66</v>
      </c>
      <c r="G15" s="8" t="s">
        <v>97</v>
      </c>
      <c r="H15" s="7"/>
      <c r="I15" s="8"/>
      <c r="J15" s="8"/>
      <c r="K15" s="7" t="s">
        <v>78</v>
      </c>
      <c r="L15" s="8" t="s">
        <v>66</v>
      </c>
      <c r="M15" s="8" t="s">
        <v>9</v>
      </c>
      <c r="N15" s="7" t="s">
        <v>78</v>
      </c>
      <c r="O15" s="8" t="s">
        <v>69</v>
      </c>
      <c r="P15" s="8" t="s">
        <v>98</v>
      </c>
      <c r="Q15" s="7" t="s">
        <v>86</v>
      </c>
      <c r="R15" s="8" t="s">
        <v>69</v>
      </c>
      <c r="S15" s="8" t="s">
        <v>99</v>
      </c>
      <c r="T15" s="7" t="s">
        <v>86</v>
      </c>
      <c r="U15" s="8" t="s">
        <v>69</v>
      </c>
      <c r="V15" s="8" t="s">
        <v>24</v>
      </c>
      <c r="W15" s="7" t="s">
        <v>1</v>
      </c>
      <c r="X15" s="8" t="s">
        <v>100</v>
      </c>
      <c r="Y15" s="8" t="s">
        <v>6</v>
      </c>
      <c r="Z15" s="7"/>
      <c r="AA15" s="8"/>
      <c r="AB15" s="8"/>
      <c r="AC15" s="7"/>
      <c r="AD15" s="8"/>
      <c r="AE15" s="8"/>
      <c r="AF15" s="7"/>
      <c r="AG15" s="8"/>
      <c r="AH15" s="8"/>
      <c r="AI15" s="7"/>
      <c r="AJ15" s="8"/>
      <c r="AK15" s="8"/>
      <c r="AL15" s="7"/>
      <c r="AM15" s="8"/>
      <c r="AN15" s="8"/>
      <c r="AO15" s="7"/>
      <c r="AP15" s="8"/>
      <c r="AQ15" s="8"/>
      <c r="AR15" s="7"/>
      <c r="AS15" s="8"/>
      <c r="AT15" s="15"/>
      <c r="AU15" s="7"/>
      <c r="AV15" s="7"/>
      <c r="AW15" s="15"/>
      <c r="AX15" s="15"/>
      <c r="AY15" s="15"/>
      <c r="AZ15" s="15"/>
      <c r="BA15" s="7"/>
      <c r="BB15" s="16"/>
      <c r="BC15" s="16"/>
      <c r="BD15" s="20"/>
      <c r="BE15" s="20"/>
      <c r="BF15" s="20"/>
      <c r="BG15" s="20"/>
      <c r="BH15" s="20"/>
      <c r="BI15" s="20"/>
      <c r="BJ15" s="20"/>
      <c r="BK15" s="20"/>
      <c r="BL15" s="20"/>
      <c r="BM15" s="20"/>
      <c r="BN15" s="20"/>
      <c r="BO15" s="20"/>
      <c r="BP15" s="20"/>
      <c r="BQ15" s="20"/>
      <c r="BR15" s="20"/>
      <c r="BS15" s="20"/>
      <c r="BT15" s="20"/>
      <c r="BU15" s="20"/>
      <c r="BV15" s="20"/>
      <c r="BW15" s="20"/>
      <c r="BX15" s="20"/>
      <c r="BY15" s="20"/>
      <c r="BZ15" s="20"/>
      <c r="CA15" s="20"/>
      <c r="CB15" s="20"/>
      <c r="CC15" s="20"/>
      <c r="CD15" s="20"/>
      <c r="CE15" s="20"/>
      <c r="CF15" s="20"/>
      <c r="CG15" s="20"/>
      <c r="CH15" s="20"/>
      <c r="CI15" s="20"/>
      <c r="CJ15" s="20"/>
      <c r="CK15" s="20"/>
      <c r="CL15" s="20"/>
      <c r="CM15" s="20"/>
      <c r="CN15" s="20"/>
      <c r="CO15" s="20"/>
      <c r="CP15" s="20"/>
      <c r="CQ15" s="20"/>
      <c r="CR15" s="20"/>
      <c r="CS15" s="20"/>
      <c r="CT15" s="20"/>
      <c r="CU15" s="20"/>
      <c r="CV15" s="20"/>
      <c r="CW15" s="20"/>
      <c r="CX15" s="20"/>
      <c r="CY15" s="20"/>
      <c r="CZ15" s="20"/>
      <c r="DA15" s="20"/>
      <c r="DB15" s="20"/>
      <c r="DC15" s="20"/>
      <c r="DD15" s="20"/>
      <c r="DE15" s="20"/>
      <c r="DF15" s="20"/>
      <c r="DG15" s="20"/>
      <c r="DH15" s="20"/>
      <c r="DI15" s="20"/>
      <c r="DJ15" s="20"/>
      <c r="DK15" s="20"/>
      <c r="DL15" s="20"/>
      <c r="DM15" s="20"/>
      <c r="DN15" s="20"/>
      <c r="DO15" s="20"/>
      <c r="DP15" s="20"/>
      <c r="DQ15" s="20"/>
      <c r="DR15" s="20"/>
      <c r="DS15" s="20"/>
      <c r="DT15" s="20"/>
      <c r="DU15" s="20"/>
      <c r="DV15" s="20"/>
      <c r="DW15" s="20"/>
      <c r="DX15" s="20"/>
      <c r="DY15" s="20"/>
      <c r="DZ15" s="20"/>
      <c r="EA15" s="20"/>
      <c r="EB15" s="20"/>
      <c r="EC15" s="20"/>
      <c r="ED15" s="20"/>
      <c r="EE15" s="20"/>
      <c r="EF15" s="20"/>
      <c r="EG15" s="20"/>
      <c r="EH15" s="20"/>
      <c r="EI15" s="20"/>
      <c r="EJ15" s="20"/>
      <c r="EK15" s="20"/>
      <c r="EL15" s="20"/>
      <c r="EM15" s="20"/>
      <c r="EN15" s="20"/>
      <c r="EO15" s="20"/>
      <c r="EP15" s="20"/>
      <c r="EQ15" s="20"/>
      <c r="ER15" s="20"/>
      <c r="ES15" s="20"/>
      <c r="ET15" s="20"/>
      <c r="EU15" s="20"/>
      <c r="EV15" s="20"/>
      <c r="EW15" s="20"/>
      <c r="EX15" s="20"/>
      <c r="EY15" s="20"/>
      <c r="EZ15" s="20"/>
      <c r="FA15" s="20"/>
      <c r="FB15" s="20"/>
      <c r="FC15" s="20"/>
      <c r="FD15" s="20"/>
      <c r="FE15" s="20"/>
      <c r="FF15" s="20"/>
      <c r="FG15" s="20"/>
      <c r="FH15" s="20"/>
      <c r="FI15" s="20"/>
      <c r="FJ15" s="20"/>
      <c r="FK15" s="20"/>
      <c r="FL15" s="20"/>
      <c r="FM15" s="20"/>
      <c r="FN15" s="20"/>
      <c r="FO15" s="20"/>
      <c r="FP15" s="20"/>
      <c r="FQ15" s="20"/>
      <c r="FR15" s="20"/>
      <c r="FS15" s="20"/>
      <c r="FT15" s="20"/>
      <c r="FU15" s="20"/>
      <c r="FV15" s="20"/>
      <c r="FW15" s="20"/>
      <c r="FX15" s="20"/>
      <c r="FY15" s="20"/>
      <c r="FZ15" s="20"/>
      <c r="GA15" s="20"/>
      <c r="GB15" s="20"/>
      <c r="GC15" s="20"/>
      <c r="GD15" s="20"/>
      <c r="GE15" s="20"/>
      <c r="GF15" s="20"/>
      <c r="GG15" s="20"/>
      <c r="GH15" s="20"/>
      <c r="GI15" s="20"/>
      <c r="GJ15" s="20"/>
      <c r="GK15" s="20"/>
      <c r="GL15" s="20"/>
      <c r="GM15" s="20"/>
      <c r="GN15" s="20"/>
      <c r="GO15" s="20"/>
      <c r="GP15" s="20"/>
      <c r="GQ15" s="20"/>
      <c r="GR15" s="20"/>
      <c r="GS15" s="20"/>
      <c r="GT15" s="20"/>
      <c r="GU15" s="20"/>
      <c r="GV15" s="20"/>
      <c r="GW15" s="20"/>
      <c r="GX15" s="20"/>
      <c r="GY15" s="20"/>
      <c r="GZ15" s="20"/>
      <c r="HA15" s="20"/>
      <c r="HB15" s="20"/>
      <c r="HC15" s="20"/>
      <c r="HD15" s="20"/>
      <c r="HE15" s="20"/>
      <c r="HF15" s="20"/>
      <c r="HG15" s="20"/>
      <c r="HH15" s="20"/>
      <c r="HI15" s="20"/>
      <c r="HJ15" s="20"/>
      <c r="HK15" s="20"/>
      <c r="HL15" s="20"/>
      <c r="HM15" s="20"/>
      <c r="HN15" s="20"/>
      <c r="HO15" s="20"/>
      <c r="HP15" s="20"/>
      <c r="HQ15" s="20"/>
      <c r="HR15" s="20"/>
      <c r="HS15" s="20"/>
      <c r="HT15" s="20"/>
      <c r="HU15" s="20"/>
      <c r="HV15" s="20"/>
      <c r="HW15" s="20"/>
      <c r="HX15" s="20"/>
      <c r="HY15" s="20"/>
      <c r="HZ15" s="20"/>
      <c r="IA15" s="20"/>
      <c r="IB15" s="20"/>
      <c r="IC15" s="20"/>
      <c r="ID15" s="20"/>
      <c r="IE15" s="20"/>
      <c r="IF15" s="20"/>
      <c r="IG15" s="20"/>
      <c r="IH15" s="20"/>
      <c r="II15" s="20"/>
      <c r="IJ15" s="20"/>
      <c r="IK15" s="20"/>
      <c r="IL15" s="20"/>
      <c r="IM15" s="20"/>
      <c r="IN15" s="20"/>
      <c r="IO15" s="20"/>
      <c r="IP15" s="20"/>
      <c r="IQ15" s="20"/>
      <c r="IR15" s="20"/>
      <c r="IS15" s="20"/>
      <c r="IT15" s="20"/>
    </row>
    <row r="16" spans="1:254" x14ac:dyDescent="0.25">
      <c r="A16" t="s">
        <v>73</v>
      </c>
      <c r="B16" t="s">
        <v>101</v>
      </c>
      <c r="C16" s="2">
        <v>31952</v>
      </c>
      <c r="D16" s="3" t="s">
        <v>102</v>
      </c>
      <c r="E16" s="3" t="s">
        <v>103</v>
      </c>
      <c r="F16" s="3" t="s">
        <v>104</v>
      </c>
      <c r="G16" s="3" t="s">
        <v>105</v>
      </c>
      <c r="I16" s="3"/>
      <c r="J16" s="3"/>
      <c r="K16" t="s">
        <v>73</v>
      </c>
      <c r="L16" s="3" t="s">
        <v>104</v>
      </c>
      <c r="M16" s="3" t="s">
        <v>106</v>
      </c>
      <c r="N16" t="s">
        <v>88</v>
      </c>
      <c r="O16" s="3" t="s">
        <v>104</v>
      </c>
      <c r="P16" s="3" t="s">
        <v>107</v>
      </c>
      <c r="Q16" t="s">
        <v>108</v>
      </c>
      <c r="R16" s="3" t="s">
        <v>8</v>
      </c>
      <c r="S16" s="3" t="s">
        <v>109</v>
      </c>
      <c r="T16" t="s">
        <v>45</v>
      </c>
      <c r="U16" s="3" t="s">
        <v>8</v>
      </c>
      <c r="V16" s="3" t="s">
        <v>110</v>
      </c>
      <c r="W16" t="s">
        <v>45</v>
      </c>
      <c r="X16" s="3" t="s">
        <v>8</v>
      </c>
      <c r="Y16" s="3" t="s">
        <v>49</v>
      </c>
      <c r="Z16" t="s">
        <v>111</v>
      </c>
      <c r="AA16" s="3" t="s">
        <v>8</v>
      </c>
      <c r="AB16" s="3" t="s">
        <v>92</v>
      </c>
      <c r="AD16" s="3"/>
      <c r="AE16" s="3"/>
      <c r="AG16" s="3"/>
      <c r="AH16" s="3"/>
      <c r="AJ16" s="3"/>
      <c r="AK16" s="3"/>
      <c r="AM16" s="3"/>
      <c r="AN16" s="3"/>
      <c r="AP16" s="3"/>
      <c r="AQ16" s="3"/>
      <c r="AS16" s="3"/>
      <c r="AT16" s="3"/>
      <c r="AV16" s="2"/>
      <c r="AW16" s="3"/>
      <c r="AX16" s="5"/>
      <c r="AZ16" s="4"/>
      <c r="BA16" s="5"/>
      <c r="BB16" s="5"/>
      <c r="BC16" s="21"/>
    </row>
    <row r="17" spans="1:254" x14ac:dyDescent="0.25">
      <c r="A17" s="9" t="s">
        <v>73</v>
      </c>
      <c r="B17" s="9" t="s">
        <v>112</v>
      </c>
      <c r="C17" s="14">
        <v>32250</v>
      </c>
      <c r="D17" s="8" t="s">
        <v>64</v>
      </c>
      <c r="E17" s="7"/>
      <c r="F17" s="9" t="s">
        <v>113</v>
      </c>
      <c r="G17" s="13" t="s">
        <v>67</v>
      </c>
      <c r="H17" s="9"/>
      <c r="I17" s="9"/>
      <c r="J17" s="13"/>
      <c r="K17" s="9" t="s">
        <v>62</v>
      </c>
      <c r="L17" s="9" t="s">
        <v>113</v>
      </c>
      <c r="M17" s="13" t="s">
        <v>67</v>
      </c>
      <c r="N17" s="9" t="s">
        <v>62</v>
      </c>
      <c r="O17" s="9" t="s">
        <v>113</v>
      </c>
      <c r="P17" s="13" t="s">
        <v>67</v>
      </c>
      <c r="Q17" s="7"/>
      <c r="R17" s="7"/>
      <c r="S17" s="7"/>
      <c r="T17" s="7"/>
      <c r="U17" s="7"/>
      <c r="V17" s="7"/>
      <c r="W17" s="7"/>
      <c r="X17" s="7"/>
      <c r="Y17" s="7"/>
      <c r="Z17" s="7"/>
      <c r="AA17" s="7"/>
      <c r="AB17" s="7"/>
      <c r="AC17" s="7"/>
      <c r="AD17" s="7"/>
      <c r="AE17" s="7"/>
      <c r="AF17" s="7"/>
      <c r="AG17" s="7"/>
      <c r="AH17" s="7"/>
      <c r="AI17" s="7"/>
      <c r="AJ17" s="7"/>
      <c r="AK17" s="7"/>
      <c r="AL17" s="7"/>
      <c r="AM17" s="7"/>
      <c r="AN17" s="7"/>
      <c r="AO17" s="7"/>
      <c r="AP17" s="7"/>
      <c r="AQ17" s="7"/>
      <c r="AR17" s="7"/>
      <c r="AS17" s="7"/>
      <c r="AT17" s="7"/>
      <c r="AU17" s="7"/>
      <c r="AV17" s="7"/>
      <c r="AW17" s="7"/>
      <c r="AX17" s="7"/>
      <c r="AY17" s="7"/>
      <c r="AZ17" s="7"/>
      <c r="BA17" s="7"/>
      <c r="BB17" s="7"/>
      <c r="BC17" s="7"/>
      <c r="BD17" s="7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7"/>
      <c r="BP17" s="7"/>
      <c r="BQ17" s="7"/>
      <c r="BR17" s="7"/>
      <c r="BS17" s="7"/>
      <c r="BT17" s="7"/>
      <c r="BU17" s="7"/>
      <c r="BV17" s="7"/>
      <c r="BW17" s="7"/>
      <c r="BX17" s="7"/>
      <c r="BY17" s="7"/>
      <c r="BZ17" s="7"/>
      <c r="CA17" s="7"/>
      <c r="CB17" s="7"/>
      <c r="CC17" s="7"/>
      <c r="CD17" s="7"/>
      <c r="CE17" s="7"/>
      <c r="CF17" s="7"/>
      <c r="CG17" s="7"/>
      <c r="CH17" s="7"/>
      <c r="CI17" s="7"/>
      <c r="CJ17" s="7"/>
      <c r="CK17" s="7"/>
      <c r="CL17" s="7"/>
      <c r="CM17" s="7"/>
      <c r="CN17" s="7"/>
      <c r="CO17" s="7"/>
      <c r="CP17" s="7"/>
      <c r="CQ17" s="7"/>
      <c r="CR17" s="7"/>
      <c r="CS17" s="7"/>
      <c r="CT17" s="7"/>
      <c r="CU17" s="7"/>
      <c r="CV17" s="7"/>
      <c r="CW17" s="7"/>
      <c r="CX17" s="7"/>
      <c r="CY17" s="7"/>
      <c r="CZ17" s="7"/>
      <c r="DA17" s="7"/>
      <c r="DB17" s="7"/>
      <c r="DC17" s="7"/>
      <c r="DD17" s="7"/>
      <c r="DE17" s="7"/>
      <c r="DF17" s="7"/>
      <c r="DG17" s="7"/>
      <c r="DH17" s="7"/>
      <c r="DI17" s="7"/>
      <c r="DJ17" s="7"/>
      <c r="DK17" s="7"/>
      <c r="DL17" s="7"/>
      <c r="DM17" s="7"/>
      <c r="DN17" s="7"/>
      <c r="DO17" s="7"/>
      <c r="DP17" s="7"/>
      <c r="DQ17" s="7"/>
      <c r="DR17" s="7"/>
      <c r="DS17" s="7"/>
      <c r="DT17" s="7"/>
      <c r="DU17" s="7"/>
      <c r="DV17" s="7"/>
      <c r="DW17" s="7"/>
      <c r="DX17" s="7"/>
      <c r="DY17" s="7"/>
      <c r="DZ17" s="7"/>
      <c r="EA17" s="7"/>
      <c r="EB17" s="7"/>
      <c r="EC17" s="7"/>
      <c r="ED17" s="7"/>
      <c r="EE17" s="7"/>
      <c r="EF17" s="7"/>
      <c r="EG17" s="7"/>
      <c r="EH17" s="7"/>
      <c r="EI17" s="7"/>
      <c r="EJ17" s="7"/>
      <c r="EK17" s="7"/>
      <c r="EL17" s="7"/>
      <c r="EM17" s="7"/>
      <c r="EN17" s="7"/>
      <c r="EO17" s="7"/>
      <c r="EP17" s="7"/>
      <c r="EQ17" s="7"/>
      <c r="ER17" s="7"/>
      <c r="ES17" s="7"/>
      <c r="ET17" s="7"/>
      <c r="EU17" s="7"/>
      <c r="EV17" s="7"/>
      <c r="EW17" s="7"/>
      <c r="EX17" s="7"/>
      <c r="EY17" s="7"/>
      <c r="EZ17" s="7"/>
      <c r="FA17" s="7"/>
      <c r="FB17" s="7"/>
      <c r="FC17" s="7"/>
      <c r="FD17" s="7"/>
      <c r="FE17" s="7"/>
      <c r="FF17" s="7"/>
      <c r="FG17" s="7"/>
      <c r="FH17" s="7"/>
      <c r="FI17" s="7"/>
      <c r="FJ17" s="7"/>
      <c r="FK17" s="7"/>
      <c r="FL17" s="7"/>
      <c r="FM17" s="7"/>
      <c r="FN17" s="7"/>
      <c r="FO17" s="7"/>
      <c r="FP17" s="7"/>
      <c r="FQ17" s="7"/>
      <c r="FR17" s="7"/>
      <c r="FS17" s="7"/>
      <c r="FT17" s="7"/>
      <c r="FU17" s="7"/>
      <c r="FV17" s="7"/>
      <c r="FW17" s="7"/>
      <c r="FX17" s="7"/>
      <c r="FY17" s="7"/>
      <c r="FZ17" s="7"/>
      <c r="GA17" s="7"/>
      <c r="GB17" s="7"/>
      <c r="GC17" s="7"/>
      <c r="GD17" s="7"/>
      <c r="GE17" s="7"/>
      <c r="GF17" s="7"/>
      <c r="GG17" s="7"/>
      <c r="GH17" s="7"/>
      <c r="GI17" s="7"/>
      <c r="GJ17" s="7"/>
      <c r="GK17" s="7"/>
      <c r="GL17" s="7"/>
      <c r="GM17" s="7"/>
      <c r="GN17" s="7"/>
      <c r="GO17" s="7"/>
      <c r="GP17" s="7"/>
      <c r="GQ17" s="7"/>
      <c r="GR17" s="7"/>
      <c r="GS17" s="7"/>
      <c r="GT17" s="7"/>
      <c r="GU17" s="7"/>
      <c r="GV17" s="7"/>
      <c r="GW17" s="7"/>
      <c r="GX17" s="7"/>
      <c r="GY17" s="7"/>
      <c r="GZ17" s="7"/>
      <c r="HA17" s="7"/>
      <c r="HB17" s="7"/>
      <c r="HC17" s="7"/>
      <c r="HD17" s="7"/>
      <c r="HE17" s="7"/>
      <c r="HF17" s="7"/>
      <c r="HG17" s="7"/>
      <c r="HH17" s="7"/>
      <c r="HI17" s="7"/>
      <c r="HJ17" s="7"/>
      <c r="HK17" s="7"/>
      <c r="HL17" s="7"/>
      <c r="HM17" s="7"/>
      <c r="HN17" s="7"/>
      <c r="HO17" s="7"/>
      <c r="HP17" s="7"/>
      <c r="HQ17" s="7"/>
      <c r="HR17" s="7"/>
      <c r="HS17" s="7"/>
      <c r="HT17" s="7"/>
      <c r="HU17" s="7"/>
      <c r="HV17" s="7"/>
      <c r="HW17" s="7"/>
      <c r="HX17" s="7"/>
      <c r="HY17" s="7"/>
      <c r="HZ17" s="7"/>
      <c r="IA17" s="7"/>
      <c r="IB17" s="7"/>
      <c r="IC17" s="7"/>
      <c r="ID17" s="7"/>
      <c r="IE17" s="7"/>
      <c r="IF17" s="7"/>
      <c r="IG17" s="7"/>
      <c r="IH17" s="7"/>
      <c r="II17" s="7"/>
      <c r="IJ17" s="7"/>
      <c r="IK17" s="7"/>
      <c r="IL17" s="7"/>
      <c r="IM17" s="7"/>
      <c r="IN17" s="7"/>
      <c r="IO17" s="7"/>
      <c r="IP17" s="7"/>
      <c r="IQ17" s="7"/>
      <c r="IR17" s="7"/>
      <c r="IS17" s="7"/>
      <c r="IT17" s="7"/>
    </row>
    <row r="18" spans="1:254" x14ac:dyDescent="0.25">
      <c r="A18" s="9" t="s">
        <v>114</v>
      </c>
      <c r="B18" s="9" t="s">
        <v>115</v>
      </c>
      <c r="C18" s="10">
        <v>32700</v>
      </c>
      <c r="D18" s="11" t="s">
        <v>116</v>
      </c>
      <c r="E18" s="11" t="s">
        <v>117</v>
      </c>
      <c r="F18" s="12" t="s">
        <v>104</v>
      </c>
      <c r="G18" s="13" t="s">
        <v>18</v>
      </c>
      <c r="H18" s="9"/>
      <c r="I18" s="12"/>
      <c r="J18" s="13"/>
      <c r="K18" s="9" t="s">
        <v>118</v>
      </c>
      <c r="L18" s="12" t="s">
        <v>66</v>
      </c>
      <c r="M18" s="13" t="s">
        <v>119</v>
      </c>
      <c r="N18" s="9" t="s">
        <v>114</v>
      </c>
      <c r="O18" s="12" t="s">
        <v>66</v>
      </c>
      <c r="P18" s="13" t="s">
        <v>120</v>
      </c>
      <c r="Q18" s="9" t="s">
        <v>114</v>
      </c>
      <c r="R18" s="12" t="s">
        <v>66</v>
      </c>
      <c r="S18" s="13" t="s">
        <v>18</v>
      </c>
      <c r="T18" s="9"/>
      <c r="U18" s="12"/>
      <c r="V18" s="13"/>
      <c r="W18" s="9"/>
      <c r="X18" s="12"/>
      <c r="Y18" s="13"/>
      <c r="Z18" s="9"/>
      <c r="AA18" s="12"/>
      <c r="AB18" s="13"/>
      <c r="AC18" s="9"/>
      <c r="AD18" s="12"/>
      <c r="AE18" s="13"/>
      <c r="AF18" s="9"/>
      <c r="AG18" s="12"/>
      <c r="AH18" s="13"/>
      <c r="AI18" s="9"/>
      <c r="AJ18" s="12"/>
      <c r="AK18" s="13"/>
      <c r="AL18" s="9"/>
      <c r="AM18" s="12"/>
      <c r="AN18" s="13"/>
      <c r="AO18" s="9"/>
      <c r="AP18" s="12"/>
      <c r="AQ18" s="13"/>
      <c r="AR18" s="9"/>
      <c r="AS18" s="12"/>
      <c r="AT18" s="13"/>
      <c r="AU18" s="9"/>
      <c r="AV18" s="9"/>
      <c r="AW18" s="13"/>
      <c r="AX18" s="12"/>
      <c r="AY18" s="12"/>
      <c r="AZ18" s="12"/>
      <c r="BA18" s="12"/>
      <c r="BB18" s="12"/>
      <c r="BC18" s="12"/>
    </row>
    <row r="19" spans="1:254" x14ac:dyDescent="0.25">
      <c r="A19" s="7" t="s">
        <v>88</v>
      </c>
      <c r="B19" s="7" t="s">
        <v>121</v>
      </c>
      <c r="C19" s="14">
        <v>32123</v>
      </c>
      <c r="D19" s="8" t="s">
        <v>122</v>
      </c>
      <c r="E19" s="8" t="s">
        <v>76</v>
      </c>
      <c r="F19" s="8" t="s">
        <v>66</v>
      </c>
      <c r="G19" s="8" t="s">
        <v>123</v>
      </c>
      <c r="H19" s="7"/>
      <c r="I19" s="8"/>
      <c r="J19" s="8"/>
      <c r="K19" s="7" t="s">
        <v>88</v>
      </c>
      <c r="L19" s="8" t="s">
        <v>54</v>
      </c>
      <c r="M19" s="8" t="s">
        <v>18</v>
      </c>
      <c r="N19" s="7" t="s">
        <v>88</v>
      </c>
      <c r="O19" s="8" t="s">
        <v>124</v>
      </c>
      <c r="P19" s="8" t="s">
        <v>125</v>
      </c>
      <c r="Q19" s="7"/>
      <c r="R19" s="8"/>
      <c r="S19" s="8"/>
      <c r="T19" s="7" t="s">
        <v>88</v>
      </c>
      <c r="U19" s="8" t="s">
        <v>126</v>
      </c>
      <c r="V19" s="8" t="s">
        <v>18</v>
      </c>
      <c r="W19" s="7"/>
      <c r="X19" s="8"/>
      <c r="Y19" s="8"/>
      <c r="Z19" s="7"/>
      <c r="AA19" s="8"/>
      <c r="AB19" s="8"/>
      <c r="AC19" s="7"/>
      <c r="AD19" s="8"/>
      <c r="AE19" s="8"/>
      <c r="AF19" s="7"/>
      <c r="AG19" s="8"/>
      <c r="AH19" s="8"/>
      <c r="AI19" s="7"/>
      <c r="AJ19" s="8"/>
      <c r="AK19" s="8"/>
      <c r="AL19" s="7"/>
      <c r="AM19" s="8"/>
      <c r="AN19" s="8"/>
      <c r="AO19" s="7"/>
      <c r="AP19" s="8"/>
      <c r="AQ19" s="8"/>
      <c r="AR19" s="7"/>
      <c r="AS19" s="8"/>
      <c r="AT19" s="15"/>
      <c r="AU19" s="7"/>
      <c r="AV19" s="7"/>
      <c r="AW19" s="15"/>
      <c r="AX19" s="15"/>
      <c r="AY19" s="15"/>
      <c r="AZ19" s="15"/>
      <c r="BA19" s="7"/>
      <c r="BB19" s="16"/>
      <c r="BC19" s="16"/>
    </row>
    <row r="20" spans="1:254" x14ac:dyDescent="0.25">
      <c r="A20" s="9" t="s">
        <v>127</v>
      </c>
      <c r="B20" s="9" t="s">
        <v>128</v>
      </c>
      <c r="C20" s="14">
        <v>32869</v>
      </c>
      <c r="D20" s="8" t="s">
        <v>117</v>
      </c>
      <c r="E20" s="7"/>
      <c r="F20" s="18" t="s">
        <v>129</v>
      </c>
      <c r="G20" s="13" t="s">
        <v>93</v>
      </c>
      <c r="H20" s="9"/>
      <c r="I20" s="18"/>
      <c r="J20" s="13"/>
      <c r="K20" s="9" t="s">
        <v>88</v>
      </c>
      <c r="L20" s="18" t="s">
        <v>130</v>
      </c>
      <c r="M20" s="13" t="s">
        <v>93</v>
      </c>
      <c r="N20" s="9" t="s">
        <v>88</v>
      </c>
      <c r="O20" s="18" t="s">
        <v>43</v>
      </c>
      <c r="P20" s="13" t="s">
        <v>123</v>
      </c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  <c r="AK20" s="7"/>
      <c r="AL20" s="7"/>
      <c r="AM20" s="7"/>
      <c r="AN20" s="7"/>
      <c r="AO20" s="7"/>
      <c r="AP20" s="7"/>
      <c r="AQ20" s="7"/>
      <c r="AR20" s="7"/>
      <c r="AS20" s="7"/>
      <c r="AT20" s="7"/>
      <c r="AU20" s="7"/>
      <c r="AV20" s="7"/>
      <c r="AW20" s="7"/>
      <c r="AX20" s="7"/>
      <c r="AY20" s="7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  <c r="BL20" s="7"/>
      <c r="BM20" s="7"/>
      <c r="BN20" s="7"/>
      <c r="BO20" s="7"/>
      <c r="BP20" s="7"/>
      <c r="BQ20" s="7"/>
      <c r="BR20" s="7"/>
      <c r="BS20" s="7"/>
      <c r="BT20" s="7"/>
      <c r="BU20" s="7"/>
      <c r="BV20" s="7"/>
      <c r="BW20" s="7"/>
      <c r="BX20" s="7"/>
      <c r="BY20" s="7"/>
      <c r="BZ20" s="7"/>
      <c r="CA20" s="7"/>
      <c r="CB20" s="7"/>
      <c r="CC20" s="7"/>
      <c r="CD20" s="7"/>
      <c r="CE20" s="7"/>
      <c r="CF20" s="7"/>
      <c r="CG20" s="7"/>
      <c r="CH20" s="7"/>
      <c r="CI20" s="7"/>
      <c r="CJ20" s="7"/>
      <c r="CK20" s="7"/>
      <c r="CL20" s="7"/>
      <c r="CM20" s="7"/>
      <c r="CN20" s="7"/>
      <c r="CO20" s="7"/>
      <c r="CP20" s="7"/>
      <c r="CQ20" s="7"/>
      <c r="CR20" s="7"/>
      <c r="CS20" s="7"/>
      <c r="CT20" s="7"/>
      <c r="CU20" s="7"/>
      <c r="CV20" s="7"/>
      <c r="CW20" s="7"/>
      <c r="CX20" s="7"/>
      <c r="CY20" s="7"/>
      <c r="CZ20" s="7"/>
      <c r="DA20" s="7"/>
      <c r="DB20" s="7"/>
      <c r="DC20" s="7"/>
      <c r="DD20" s="7"/>
      <c r="DE20" s="7"/>
      <c r="DF20" s="7"/>
      <c r="DG20" s="7"/>
      <c r="DH20" s="7"/>
      <c r="DI20" s="7"/>
      <c r="DJ20" s="7"/>
      <c r="DK20" s="7"/>
      <c r="DL20" s="7"/>
      <c r="DM20" s="7"/>
      <c r="DN20" s="7"/>
      <c r="DO20" s="7"/>
      <c r="DP20" s="7"/>
      <c r="DQ20" s="7"/>
      <c r="DR20" s="7"/>
      <c r="DS20" s="7"/>
      <c r="DT20" s="7"/>
      <c r="DU20" s="7"/>
      <c r="DV20" s="7"/>
      <c r="DW20" s="7"/>
      <c r="DX20" s="7"/>
      <c r="DY20" s="7"/>
      <c r="DZ20" s="7"/>
      <c r="EA20" s="7"/>
      <c r="EB20" s="7"/>
      <c r="EC20" s="7"/>
      <c r="ED20" s="7"/>
      <c r="EE20" s="7"/>
      <c r="EF20" s="7"/>
      <c r="EG20" s="7"/>
      <c r="EH20" s="7"/>
      <c r="EI20" s="7"/>
      <c r="EJ20" s="7"/>
      <c r="EK20" s="7"/>
      <c r="EL20" s="7"/>
      <c r="EM20" s="7"/>
      <c r="EN20" s="7"/>
      <c r="EO20" s="7"/>
      <c r="EP20" s="7"/>
      <c r="EQ20" s="7"/>
      <c r="ER20" s="7"/>
      <c r="ES20" s="7"/>
      <c r="ET20" s="7"/>
      <c r="EU20" s="7"/>
      <c r="EV20" s="7"/>
      <c r="EW20" s="7"/>
      <c r="EX20" s="7"/>
      <c r="EY20" s="7"/>
      <c r="EZ20" s="7"/>
      <c r="FA20" s="7"/>
      <c r="FB20" s="7"/>
      <c r="FC20" s="7"/>
      <c r="FD20" s="7"/>
      <c r="FE20" s="7"/>
      <c r="FF20" s="7"/>
      <c r="FG20" s="7"/>
      <c r="FH20" s="7"/>
      <c r="FI20" s="7"/>
      <c r="FJ20" s="7"/>
      <c r="FK20" s="7"/>
      <c r="FL20" s="7"/>
      <c r="FM20" s="7"/>
      <c r="FN20" s="7"/>
      <c r="FO20" s="7"/>
      <c r="FP20" s="7"/>
      <c r="FQ20" s="7"/>
      <c r="FR20" s="7"/>
      <c r="FS20" s="7"/>
      <c r="FT20" s="7"/>
      <c r="FU20" s="7"/>
      <c r="FV20" s="7"/>
      <c r="FW20" s="7"/>
      <c r="FX20" s="7"/>
      <c r="FY20" s="7"/>
      <c r="FZ20" s="7"/>
      <c r="GA20" s="7"/>
      <c r="GB20" s="7"/>
      <c r="GC20" s="7"/>
      <c r="GD20" s="7"/>
      <c r="GE20" s="7"/>
      <c r="GF20" s="7"/>
      <c r="GG20" s="7"/>
      <c r="GH20" s="7"/>
      <c r="GI20" s="7"/>
      <c r="GJ20" s="7"/>
      <c r="GK20" s="7"/>
      <c r="GL20" s="7"/>
      <c r="GM20" s="7"/>
      <c r="GN20" s="7"/>
      <c r="GO20" s="7"/>
      <c r="GP20" s="7"/>
      <c r="GQ20" s="7"/>
      <c r="GR20" s="7"/>
      <c r="GS20" s="7"/>
      <c r="GT20" s="7"/>
      <c r="GU20" s="7"/>
      <c r="GV20" s="7"/>
      <c r="GW20" s="7"/>
      <c r="GX20" s="7"/>
      <c r="GY20" s="7"/>
      <c r="GZ20" s="7"/>
      <c r="HA20" s="7"/>
      <c r="HB20" s="7"/>
      <c r="HC20" s="7"/>
      <c r="HD20" s="7"/>
      <c r="HE20" s="7"/>
      <c r="HF20" s="7"/>
      <c r="HG20" s="7"/>
      <c r="HH20" s="7"/>
      <c r="HI20" s="7"/>
      <c r="HJ20" s="7"/>
      <c r="HK20" s="7"/>
      <c r="HL20" s="7"/>
      <c r="HM20" s="7"/>
      <c r="HN20" s="7"/>
      <c r="HO20" s="7"/>
      <c r="HP20" s="7"/>
      <c r="HQ20" s="7"/>
      <c r="HR20" s="7"/>
      <c r="HS20" s="7"/>
      <c r="HT20" s="7"/>
      <c r="HU20" s="7"/>
      <c r="HV20" s="7"/>
      <c r="HW20" s="7"/>
      <c r="HX20" s="7"/>
      <c r="HY20" s="7"/>
      <c r="HZ20" s="7"/>
      <c r="IA20" s="7"/>
      <c r="IB20" s="7"/>
      <c r="IC20" s="7"/>
      <c r="ID20" s="7"/>
      <c r="IE20" s="7"/>
      <c r="IF20" s="7"/>
      <c r="IG20" s="7"/>
      <c r="IH20" s="7"/>
      <c r="II20" s="7"/>
      <c r="IJ20" s="7"/>
      <c r="IK20" s="7"/>
      <c r="IL20" s="7"/>
      <c r="IM20" s="7"/>
      <c r="IN20" s="7"/>
      <c r="IO20" s="7"/>
      <c r="IP20" s="7"/>
      <c r="IQ20" s="7"/>
      <c r="IR20" s="7"/>
      <c r="IS20" s="7"/>
      <c r="IT20" s="7"/>
    </row>
    <row r="21" spans="1:254" x14ac:dyDescent="0.25">
      <c r="A21" t="s">
        <v>131</v>
      </c>
      <c r="B21" s="7" t="s">
        <v>132</v>
      </c>
      <c r="C21" s="14">
        <v>32691</v>
      </c>
      <c r="D21" s="8" t="s">
        <v>133</v>
      </c>
      <c r="E21" s="8" t="s">
        <v>96</v>
      </c>
      <c r="F21" s="8" t="s">
        <v>66</v>
      </c>
      <c r="G21" s="8" t="s">
        <v>134</v>
      </c>
      <c r="I21" s="8"/>
      <c r="J21" s="8"/>
      <c r="K21" t="s">
        <v>135</v>
      </c>
      <c r="L21" s="8" t="s">
        <v>58</v>
      </c>
      <c r="M21" s="8" t="s">
        <v>123</v>
      </c>
      <c r="N21" t="s">
        <v>136</v>
      </c>
      <c r="O21" s="8" t="s">
        <v>58</v>
      </c>
      <c r="P21" s="8" t="s">
        <v>18</v>
      </c>
      <c r="R21" s="8"/>
      <c r="S21" s="8"/>
      <c r="T21" s="7" t="s">
        <v>137</v>
      </c>
      <c r="U21" s="8" t="s">
        <v>58</v>
      </c>
      <c r="V21" s="8" t="s">
        <v>18</v>
      </c>
      <c r="W21" s="7"/>
      <c r="X21" s="8"/>
      <c r="Y21" s="8"/>
      <c r="Z21" s="7"/>
      <c r="AA21" s="8"/>
      <c r="AB21" s="8"/>
      <c r="AC21" s="7"/>
      <c r="AD21" s="8"/>
      <c r="AE21" s="8"/>
      <c r="AF21" s="7"/>
      <c r="AG21" s="8"/>
      <c r="AH21" s="8"/>
      <c r="AI21" s="7"/>
      <c r="AJ21" s="8"/>
      <c r="AK21" s="8"/>
      <c r="AL21" s="7"/>
      <c r="AM21" s="8"/>
      <c r="AN21" s="8"/>
      <c r="AO21" s="7"/>
      <c r="AP21" s="8"/>
      <c r="AQ21" s="8"/>
      <c r="AR21" s="7"/>
      <c r="AS21" s="8"/>
      <c r="AT21" s="15"/>
      <c r="AU21" s="7"/>
      <c r="AV21" s="7"/>
      <c r="AW21" s="15"/>
      <c r="AX21" s="15"/>
      <c r="AY21" s="15"/>
      <c r="AZ21" s="15"/>
      <c r="BA21" s="7"/>
      <c r="BB21" s="16"/>
      <c r="BC21" s="16"/>
      <c r="BD21" s="20"/>
      <c r="BE21" s="7"/>
      <c r="BF21" s="7"/>
      <c r="BG21" s="7"/>
      <c r="BH21" s="7"/>
      <c r="BI21" s="7"/>
      <c r="BJ21" s="7"/>
      <c r="BK21" s="7"/>
      <c r="BL21" s="7"/>
      <c r="BM21" s="7"/>
      <c r="BN21" s="7"/>
      <c r="BO21" s="7"/>
      <c r="BP21" s="7"/>
      <c r="BQ21" s="7"/>
      <c r="BR21" s="7"/>
      <c r="BS21" s="7"/>
      <c r="BT21" s="7"/>
      <c r="BU21" s="7"/>
      <c r="BV21" s="7"/>
      <c r="BW21" s="7"/>
      <c r="BX21" s="7"/>
      <c r="BY21" s="7"/>
      <c r="BZ21" s="7"/>
      <c r="CA21" s="7"/>
      <c r="CB21" s="7"/>
      <c r="CC21" s="7"/>
      <c r="CD21" s="7"/>
      <c r="CE21" s="7"/>
      <c r="CF21" s="7"/>
      <c r="CG21" s="7"/>
      <c r="CH21" s="7"/>
      <c r="CI21" s="7"/>
      <c r="CJ21" s="7"/>
      <c r="CK21" s="7"/>
      <c r="CL21" s="7"/>
      <c r="CM21" s="7"/>
      <c r="CN21" s="7"/>
      <c r="CO21" s="7"/>
      <c r="CP21" s="7"/>
      <c r="CQ21" s="7"/>
      <c r="CR21" s="7"/>
      <c r="CS21" s="7"/>
      <c r="CT21" s="7"/>
      <c r="CU21" s="7"/>
      <c r="CV21" s="7"/>
      <c r="CW21" s="7"/>
      <c r="CX21" s="7"/>
      <c r="CY21" s="7"/>
      <c r="CZ21" s="7"/>
      <c r="DA21" s="7"/>
      <c r="DB21" s="7"/>
      <c r="DC21" s="7"/>
      <c r="DD21" s="7"/>
      <c r="DE21" s="7"/>
      <c r="DF21" s="7"/>
      <c r="DG21" s="7"/>
      <c r="DH21" s="7"/>
      <c r="DI21" s="7"/>
      <c r="DJ21" s="7"/>
      <c r="DK21" s="7"/>
      <c r="DL21" s="7"/>
      <c r="DM21" s="7"/>
      <c r="DN21" s="7"/>
      <c r="DO21" s="7"/>
      <c r="DP21" s="7"/>
      <c r="DQ21" s="7"/>
      <c r="DR21" s="7"/>
      <c r="DS21" s="7"/>
      <c r="DT21" s="7"/>
      <c r="DU21" s="7"/>
      <c r="DV21" s="7"/>
      <c r="DW21" s="7"/>
      <c r="DX21" s="7"/>
      <c r="DY21" s="7"/>
      <c r="DZ21" s="7"/>
      <c r="EA21" s="7"/>
      <c r="EB21" s="7"/>
      <c r="EC21" s="7"/>
      <c r="ED21" s="7"/>
      <c r="EE21" s="7"/>
      <c r="EF21" s="7"/>
      <c r="EG21" s="7"/>
      <c r="EH21" s="7"/>
      <c r="EI21" s="7"/>
      <c r="EJ21" s="7"/>
      <c r="EK21" s="7"/>
      <c r="EL21" s="7"/>
      <c r="EM21" s="7"/>
      <c r="EN21" s="7"/>
      <c r="EO21" s="7"/>
      <c r="EP21" s="7"/>
      <c r="EQ21" s="7"/>
      <c r="ER21" s="7"/>
      <c r="ES21" s="7"/>
      <c r="ET21" s="7"/>
      <c r="EU21" s="7"/>
      <c r="EV21" s="7"/>
      <c r="EW21" s="7"/>
      <c r="EX21" s="7"/>
      <c r="EY21" s="7"/>
      <c r="EZ21" s="7"/>
      <c r="FA21" s="7"/>
      <c r="FB21" s="7"/>
      <c r="FC21" s="7"/>
      <c r="FD21" s="7"/>
      <c r="FE21" s="7"/>
      <c r="FF21" s="7"/>
      <c r="FG21" s="7"/>
      <c r="FH21" s="7"/>
      <c r="FI21" s="7"/>
      <c r="FJ21" s="7"/>
      <c r="FK21" s="7"/>
      <c r="FL21" s="7"/>
      <c r="FM21" s="7"/>
      <c r="FN21" s="7"/>
      <c r="FO21" s="7"/>
      <c r="FP21" s="7"/>
      <c r="FQ21" s="7"/>
      <c r="FR21" s="7"/>
      <c r="FS21" s="7"/>
      <c r="FT21" s="7"/>
      <c r="FU21" s="7"/>
      <c r="FV21" s="7"/>
      <c r="FW21" s="7"/>
      <c r="FX21" s="7"/>
      <c r="FY21" s="7"/>
      <c r="FZ21" s="7"/>
      <c r="GA21" s="7"/>
      <c r="GB21" s="7"/>
      <c r="GC21" s="7"/>
      <c r="GD21" s="7"/>
      <c r="GE21" s="7"/>
      <c r="GF21" s="7"/>
      <c r="GG21" s="7"/>
      <c r="GH21" s="7"/>
      <c r="GI21" s="7"/>
      <c r="GJ21" s="7"/>
      <c r="GK21" s="7"/>
      <c r="GL21" s="7"/>
      <c r="GM21" s="7"/>
      <c r="GN21" s="7"/>
      <c r="GO21" s="7"/>
      <c r="GP21" s="7"/>
      <c r="GQ21" s="7"/>
      <c r="GR21" s="7"/>
      <c r="GS21" s="7"/>
      <c r="GT21" s="7"/>
      <c r="GU21" s="7"/>
      <c r="GV21" s="7"/>
      <c r="GW21" s="7"/>
      <c r="GX21" s="7"/>
      <c r="GY21" s="7"/>
      <c r="GZ21" s="7"/>
      <c r="HA21" s="7"/>
      <c r="HB21" s="7"/>
      <c r="HC21" s="7"/>
      <c r="HD21" s="7"/>
      <c r="HE21" s="7"/>
      <c r="HF21" s="7"/>
      <c r="HG21" s="7"/>
      <c r="HH21" s="7"/>
      <c r="HI21" s="7"/>
      <c r="HJ21" s="7"/>
      <c r="HK21" s="7"/>
      <c r="HL21" s="7"/>
      <c r="HM21" s="7"/>
      <c r="HN21" s="7"/>
      <c r="HO21" s="7"/>
      <c r="HP21" s="7"/>
      <c r="HQ21" s="7"/>
      <c r="HR21" s="7"/>
      <c r="HS21" s="7"/>
      <c r="HT21" s="7"/>
      <c r="HU21" s="7"/>
      <c r="HV21" s="7"/>
      <c r="HW21" s="7"/>
      <c r="HX21" s="7"/>
      <c r="HY21" s="7"/>
      <c r="HZ21" s="7"/>
      <c r="IA21" s="7"/>
      <c r="IB21" s="7"/>
      <c r="IC21" s="7"/>
      <c r="ID21" s="7"/>
      <c r="IE21" s="7"/>
      <c r="IF21" s="7"/>
      <c r="IG21" s="7"/>
      <c r="IH21" s="7"/>
      <c r="II21" s="7"/>
      <c r="IJ21" s="7"/>
      <c r="IK21" s="7"/>
      <c r="IL21" s="7"/>
      <c r="IM21" s="7"/>
      <c r="IN21" s="7"/>
      <c r="IO21" s="7"/>
      <c r="IP21" s="7"/>
      <c r="IQ21" s="7"/>
      <c r="IR21" s="7"/>
      <c r="IS21" s="7"/>
      <c r="IT21" s="7"/>
    </row>
    <row r="22" spans="1:254" x14ac:dyDescent="0.25">
      <c r="A22" s="7" t="s">
        <v>25</v>
      </c>
      <c r="B22" s="7" t="s">
        <v>138</v>
      </c>
      <c r="C22" s="14">
        <v>31783</v>
      </c>
      <c r="D22" s="8" t="s">
        <v>122</v>
      </c>
      <c r="E22" s="8"/>
      <c r="F22" s="8" t="s">
        <v>139</v>
      </c>
      <c r="G22" s="8" t="s">
        <v>140</v>
      </c>
      <c r="H22" s="7"/>
      <c r="I22" s="8"/>
      <c r="J22" s="8"/>
      <c r="K22" s="7" t="s">
        <v>25</v>
      </c>
      <c r="L22" s="8" t="s">
        <v>139</v>
      </c>
      <c r="M22" s="8" t="s">
        <v>30</v>
      </c>
      <c r="N22" s="7" t="s">
        <v>25</v>
      </c>
      <c r="O22" s="8" t="s">
        <v>139</v>
      </c>
      <c r="P22" s="8" t="s">
        <v>30</v>
      </c>
      <c r="Q22" s="7" t="s">
        <v>25</v>
      </c>
      <c r="R22" s="8" t="s">
        <v>43</v>
      </c>
      <c r="S22" s="8" t="s">
        <v>141</v>
      </c>
      <c r="T22" s="7" t="s">
        <v>25</v>
      </c>
      <c r="U22" s="8" t="s">
        <v>43</v>
      </c>
      <c r="V22" s="8" t="s">
        <v>141</v>
      </c>
      <c r="W22" s="7"/>
      <c r="X22" s="8"/>
      <c r="Y22" s="8"/>
      <c r="Z22" s="7"/>
      <c r="AA22" s="8"/>
      <c r="AB22" s="8"/>
      <c r="AC22" s="7"/>
      <c r="AD22" s="8"/>
      <c r="AE22" s="8"/>
      <c r="AF22" s="7"/>
      <c r="AG22" s="8"/>
      <c r="AH22" s="8"/>
      <c r="AI22" s="7"/>
      <c r="AJ22" s="8"/>
      <c r="AK22" s="8"/>
      <c r="AL22" s="7"/>
      <c r="AM22" s="8"/>
      <c r="AN22" s="8"/>
      <c r="AO22" s="7"/>
      <c r="AP22" s="8"/>
      <c r="AQ22" s="8"/>
      <c r="AR22" s="7"/>
      <c r="AS22" s="8"/>
      <c r="AT22" s="15"/>
      <c r="AU22" s="7"/>
      <c r="AV22" s="7"/>
      <c r="AW22" s="15"/>
      <c r="AX22" s="15"/>
      <c r="AY22" s="15"/>
      <c r="AZ22" s="15"/>
      <c r="BA22" s="7"/>
      <c r="BB22" s="16"/>
      <c r="BC22" s="16"/>
      <c r="BD22" s="7"/>
      <c r="BE22" s="7"/>
      <c r="BF22" s="7"/>
      <c r="BG22" s="7"/>
      <c r="BH22" s="7"/>
      <c r="BI22" s="7"/>
      <c r="BJ22" s="7"/>
      <c r="BK22" s="7"/>
      <c r="BL22" s="7"/>
      <c r="BM22" s="7"/>
      <c r="BN22" s="7"/>
      <c r="BO22" s="7"/>
      <c r="BP22" s="7"/>
      <c r="BQ22" s="7"/>
      <c r="BR22" s="7"/>
      <c r="BS22" s="7"/>
      <c r="BT22" s="7"/>
      <c r="BU22" s="7"/>
      <c r="BV22" s="7"/>
      <c r="BW22" s="7"/>
      <c r="BX22" s="7"/>
      <c r="BY22" s="7"/>
      <c r="BZ22" s="7"/>
      <c r="CA22" s="7"/>
      <c r="CB22" s="7"/>
      <c r="CC22" s="7"/>
      <c r="CD22" s="7"/>
      <c r="CE22" s="7"/>
      <c r="CF22" s="7"/>
      <c r="CG22" s="7"/>
      <c r="CH22" s="7"/>
      <c r="CI22" s="7"/>
      <c r="CJ22" s="7"/>
      <c r="CK22" s="7"/>
      <c r="CL22" s="7"/>
      <c r="CM22" s="7"/>
      <c r="CN22" s="7"/>
      <c r="CO22" s="7"/>
      <c r="CP22" s="7"/>
      <c r="CQ22" s="7"/>
      <c r="CR22" s="7"/>
      <c r="CS22" s="7"/>
      <c r="CT22" s="7"/>
      <c r="CU22" s="7"/>
      <c r="CV22" s="7"/>
      <c r="CW22" s="7"/>
      <c r="CX22" s="7"/>
      <c r="CY22" s="7"/>
      <c r="CZ22" s="7"/>
      <c r="DA22" s="7"/>
      <c r="DB22" s="7"/>
      <c r="DC22" s="7"/>
      <c r="DD22" s="7"/>
      <c r="DE22" s="7"/>
      <c r="DF22" s="7"/>
      <c r="DG22" s="7"/>
      <c r="DH22" s="7"/>
      <c r="DI22" s="7"/>
      <c r="DJ22" s="7"/>
      <c r="DK22" s="7"/>
      <c r="DL22" s="7"/>
      <c r="DM22" s="7"/>
      <c r="DN22" s="7"/>
      <c r="DO22" s="7"/>
      <c r="DP22" s="7"/>
      <c r="DQ22" s="7"/>
      <c r="DR22" s="7"/>
      <c r="DS22" s="7"/>
      <c r="DT22" s="7"/>
      <c r="DU22" s="7"/>
      <c r="DV22" s="7"/>
      <c r="DW22" s="7"/>
      <c r="DX22" s="7"/>
      <c r="DY22" s="7"/>
      <c r="DZ22" s="7"/>
      <c r="EA22" s="7"/>
      <c r="EB22" s="7"/>
      <c r="EC22" s="7"/>
      <c r="ED22" s="7"/>
      <c r="EE22" s="7"/>
      <c r="EF22" s="7"/>
      <c r="EG22" s="7"/>
      <c r="EH22" s="7"/>
      <c r="EI22" s="7"/>
      <c r="EJ22" s="7"/>
      <c r="EK22" s="7"/>
      <c r="EL22" s="7"/>
      <c r="EM22" s="7"/>
      <c r="EN22" s="7"/>
      <c r="EO22" s="7"/>
      <c r="EP22" s="7"/>
      <c r="EQ22" s="7"/>
      <c r="ER22" s="7"/>
      <c r="ES22" s="7"/>
      <c r="ET22" s="7"/>
      <c r="EU22" s="7"/>
      <c r="EV22" s="7"/>
      <c r="EW22" s="7"/>
      <c r="EX22" s="7"/>
      <c r="EY22" s="7"/>
      <c r="EZ22" s="7"/>
      <c r="FA22" s="7"/>
      <c r="FB22" s="7"/>
      <c r="FC22" s="7"/>
      <c r="FD22" s="7"/>
      <c r="FE22" s="7"/>
      <c r="FF22" s="7"/>
      <c r="FG22" s="7"/>
      <c r="FH22" s="7"/>
      <c r="FI22" s="7"/>
      <c r="FJ22" s="7"/>
      <c r="FK22" s="7"/>
      <c r="FL22" s="7"/>
      <c r="FM22" s="7"/>
      <c r="FN22" s="7"/>
      <c r="FO22" s="7"/>
      <c r="FP22" s="7"/>
      <c r="FQ22" s="7"/>
      <c r="FR22" s="7"/>
      <c r="FS22" s="7"/>
      <c r="FT22" s="7"/>
      <c r="FU22" s="7"/>
      <c r="FV22" s="7"/>
      <c r="FW22" s="7"/>
      <c r="FX22" s="7"/>
      <c r="FY22" s="7"/>
      <c r="FZ22" s="7"/>
      <c r="GA22" s="7"/>
      <c r="GB22" s="7"/>
      <c r="GC22" s="7"/>
      <c r="GD22" s="7"/>
      <c r="GE22" s="7"/>
      <c r="GF22" s="7"/>
      <c r="GG22" s="7"/>
      <c r="GH22" s="7"/>
      <c r="GI22" s="7"/>
      <c r="GJ22" s="7"/>
      <c r="GK22" s="7"/>
      <c r="GL22" s="7"/>
      <c r="GM22" s="7"/>
      <c r="GN22" s="7"/>
      <c r="GO22" s="7"/>
      <c r="GP22" s="7"/>
      <c r="GQ22" s="7"/>
      <c r="GR22" s="7"/>
      <c r="GS22" s="7"/>
      <c r="GT22" s="7"/>
      <c r="GU22" s="7"/>
      <c r="GV22" s="7"/>
      <c r="GW22" s="7"/>
      <c r="GX22" s="7"/>
      <c r="GY22" s="7"/>
      <c r="GZ22" s="7"/>
      <c r="HA22" s="7"/>
      <c r="HB22" s="7"/>
      <c r="HC22" s="7"/>
      <c r="HD22" s="7"/>
      <c r="HE22" s="7"/>
      <c r="HF22" s="7"/>
      <c r="HG22" s="7"/>
      <c r="HH22" s="7"/>
      <c r="HI22" s="7"/>
      <c r="HJ22" s="7"/>
      <c r="HK22" s="7"/>
      <c r="HL22" s="7"/>
      <c r="HM22" s="7"/>
      <c r="HN22" s="7"/>
      <c r="HO22" s="7"/>
      <c r="HP22" s="7"/>
      <c r="HQ22" s="7"/>
      <c r="HR22" s="7"/>
      <c r="HS22" s="7"/>
      <c r="HT22" s="7"/>
      <c r="HU22" s="7"/>
      <c r="HV22" s="7"/>
      <c r="HW22" s="7"/>
      <c r="HX22" s="7"/>
      <c r="HY22" s="7"/>
      <c r="HZ22" s="7"/>
      <c r="IA22" s="7"/>
      <c r="IB22" s="7"/>
      <c r="IC22" s="7"/>
      <c r="ID22" s="7"/>
      <c r="IE22" s="7"/>
      <c r="IF22" s="7"/>
      <c r="IG22" s="7"/>
      <c r="IH22" s="7"/>
      <c r="II22" s="7"/>
      <c r="IJ22" s="7"/>
      <c r="IK22" s="7"/>
      <c r="IL22" s="7"/>
      <c r="IM22" s="7"/>
      <c r="IN22" s="7"/>
      <c r="IO22" s="7"/>
      <c r="IP22" s="7"/>
      <c r="IQ22" s="7"/>
      <c r="IR22" s="7"/>
      <c r="IS22" s="7"/>
      <c r="IT22" s="7"/>
    </row>
    <row r="23" spans="1:254" x14ac:dyDescent="0.25">
      <c r="A23" s="22" t="s">
        <v>142</v>
      </c>
      <c r="B23" s="23" t="s">
        <v>143</v>
      </c>
      <c r="C23" s="2">
        <v>33563</v>
      </c>
      <c r="D23" s="8" t="s">
        <v>144</v>
      </c>
      <c r="E23" s="23" t="s">
        <v>145</v>
      </c>
      <c r="F23" s="18" t="s">
        <v>146</v>
      </c>
      <c r="G23" s="19" t="s">
        <v>147</v>
      </c>
      <c r="H23" s="22"/>
      <c r="I23" s="18"/>
      <c r="J23" s="19"/>
      <c r="K23" s="22" t="s">
        <v>142</v>
      </c>
      <c r="L23" s="18" t="s">
        <v>71</v>
      </c>
      <c r="M23" s="19" t="s">
        <v>148</v>
      </c>
      <c r="N23" s="1" t="s">
        <v>149</v>
      </c>
      <c r="O23" s="18" t="s">
        <v>71</v>
      </c>
      <c r="P23" s="19" t="s">
        <v>148</v>
      </c>
    </row>
    <row r="24" spans="1:254" x14ac:dyDescent="0.25">
      <c r="A24" s="7" t="s">
        <v>25</v>
      </c>
      <c r="B24" s="7" t="s">
        <v>150</v>
      </c>
      <c r="C24" s="14">
        <v>32130</v>
      </c>
      <c r="D24" s="8" t="s">
        <v>95</v>
      </c>
      <c r="E24" s="8" t="s">
        <v>151</v>
      </c>
      <c r="F24" s="8" t="s">
        <v>104</v>
      </c>
      <c r="G24" s="8" t="s">
        <v>30</v>
      </c>
      <c r="H24" s="7"/>
      <c r="I24" s="8"/>
      <c r="J24" s="8"/>
      <c r="K24" s="7" t="s">
        <v>25</v>
      </c>
      <c r="L24" s="8" t="s">
        <v>104</v>
      </c>
      <c r="M24" s="8" t="s">
        <v>30</v>
      </c>
      <c r="N24" s="7" t="s">
        <v>25</v>
      </c>
      <c r="O24" s="8" t="s">
        <v>104</v>
      </c>
      <c r="P24" s="8" t="s">
        <v>30</v>
      </c>
      <c r="Q24" s="7" t="s">
        <v>25</v>
      </c>
      <c r="R24" s="8" t="s">
        <v>104</v>
      </c>
      <c r="S24" s="8" t="s">
        <v>141</v>
      </c>
      <c r="T24" s="7"/>
      <c r="U24" s="8"/>
      <c r="V24" s="8"/>
      <c r="W24" s="7" t="s">
        <v>152</v>
      </c>
      <c r="X24" s="8" t="s">
        <v>153</v>
      </c>
      <c r="Y24" s="8"/>
      <c r="Z24" s="7" t="s">
        <v>25</v>
      </c>
      <c r="AA24" s="8" t="s">
        <v>153</v>
      </c>
      <c r="AB24" s="8" t="s">
        <v>141</v>
      </c>
      <c r="AC24" s="7"/>
      <c r="AD24" s="8"/>
      <c r="AE24" s="8"/>
      <c r="AF24" s="7"/>
      <c r="AG24" s="8"/>
      <c r="AH24" s="8"/>
      <c r="AI24" s="7"/>
      <c r="AJ24" s="8"/>
      <c r="AK24" s="8"/>
      <c r="AL24" s="7"/>
      <c r="AM24" s="8"/>
      <c r="AN24" s="8"/>
      <c r="AO24" s="7"/>
      <c r="AP24" s="8"/>
      <c r="AQ24" s="8"/>
      <c r="AR24" s="7"/>
      <c r="AS24" s="8"/>
      <c r="AT24" s="8"/>
      <c r="AU24" s="7"/>
      <c r="AV24" s="14"/>
      <c r="AW24" s="8"/>
      <c r="AX24" s="16"/>
      <c r="AY24" s="7"/>
      <c r="AZ24" s="15"/>
      <c r="BA24" s="16"/>
      <c r="BB24" s="16"/>
      <c r="BC24" s="24"/>
      <c r="BD24" s="7"/>
      <c r="BE24" s="7"/>
      <c r="BF24" s="7"/>
      <c r="BG24" s="7"/>
      <c r="BH24" s="7"/>
      <c r="BI24" s="7"/>
      <c r="BJ24" s="7"/>
      <c r="BK24" s="7"/>
      <c r="BL24" s="7"/>
      <c r="BM24" s="7"/>
      <c r="BN24" s="7"/>
      <c r="BO24" s="7"/>
      <c r="BP24" s="7"/>
      <c r="BQ24" s="7"/>
      <c r="BR24" s="7"/>
      <c r="BS24" s="7"/>
      <c r="BT24" s="7"/>
      <c r="BU24" s="7"/>
      <c r="BV24" s="7"/>
      <c r="BW24" s="7"/>
      <c r="BX24" s="7"/>
      <c r="BY24" s="7"/>
      <c r="BZ24" s="7"/>
      <c r="CA24" s="7"/>
      <c r="CB24" s="7"/>
      <c r="CC24" s="7"/>
      <c r="CD24" s="7"/>
      <c r="CE24" s="7"/>
      <c r="CF24" s="7"/>
      <c r="CG24" s="7"/>
      <c r="CH24" s="7"/>
      <c r="CI24" s="7"/>
      <c r="CJ24" s="7"/>
      <c r="CK24" s="7"/>
      <c r="CL24" s="7"/>
      <c r="CM24" s="7"/>
      <c r="CN24" s="7"/>
      <c r="CO24" s="7"/>
      <c r="CP24" s="7"/>
      <c r="CQ24" s="7"/>
      <c r="CR24" s="7"/>
      <c r="CS24" s="7"/>
      <c r="CT24" s="7"/>
      <c r="CU24" s="7"/>
      <c r="CV24" s="7"/>
      <c r="CW24" s="7"/>
      <c r="CX24" s="7"/>
      <c r="CY24" s="7"/>
      <c r="CZ24" s="7"/>
      <c r="DA24" s="7"/>
      <c r="DB24" s="7"/>
      <c r="DC24" s="7"/>
      <c r="DD24" s="7"/>
      <c r="DE24" s="7"/>
      <c r="DF24" s="7"/>
      <c r="DG24" s="7"/>
      <c r="DH24" s="7"/>
      <c r="DI24" s="7"/>
      <c r="DJ24" s="7"/>
      <c r="DK24" s="7"/>
      <c r="DL24" s="7"/>
      <c r="DM24" s="7"/>
      <c r="DN24" s="7"/>
      <c r="DO24" s="7"/>
      <c r="DP24" s="7"/>
      <c r="DQ24" s="7"/>
      <c r="DR24" s="7"/>
      <c r="DS24" s="7"/>
      <c r="DT24" s="7"/>
      <c r="DU24" s="7"/>
      <c r="DV24" s="7"/>
      <c r="DW24" s="7"/>
      <c r="DX24" s="7"/>
      <c r="DY24" s="7"/>
      <c r="DZ24" s="7"/>
      <c r="EA24" s="7"/>
      <c r="EB24" s="7"/>
      <c r="EC24" s="7"/>
      <c r="ED24" s="7"/>
      <c r="EE24" s="7"/>
      <c r="EF24" s="7"/>
      <c r="EG24" s="7"/>
      <c r="EH24" s="7"/>
      <c r="EI24" s="7"/>
      <c r="EJ24" s="7"/>
      <c r="EK24" s="7"/>
      <c r="EL24" s="7"/>
      <c r="EM24" s="7"/>
      <c r="EN24" s="7"/>
      <c r="EO24" s="7"/>
      <c r="EP24" s="7"/>
      <c r="EQ24" s="7"/>
      <c r="ER24" s="7"/>
      <c r="ES24" s="7"/>
      <c r="ET24" s="7"/>
      <c r="EU24" s="7"/>
      <c r="EV24" s="7"/>
      <c r="EW24" s="7"/>
      <c r="EX24" s="7"/>
      <c r="EY24" s="7"/>
      <c r="EZ24" s="7"/>
      <c r="FA24" s="7"/>
      <c r="FB24" s="7"/>
      <c r="FC24" s="7"/>
      <c r="FD24" s="7"/>
      <c r="FE24" s="7"/>
      <c r="FF24" s="7"/>
      <c r="FG24" s="7"/>
      <c r="FH24" s="7"/>
      <c r="FI24" s="7"/>
      <c r="FJ24" s="7"/>
      <c r="FK24" s="7"/>
      <c r="FL24" s="7"/>
      <c r="FM24" s="7"/>
      <c r="FN24" s="7"/>
      <c r="FO24" s="7"/>
      <c r="FP24" s="7"/>
      <c r="FQ24" s="7"/>
      <c r="FR24" s="7"/>
      <c r="FS24" s="7"/>
      <c r="FT24" s="7"/>
      <c r="FU24" s="7"/>
      <c r="FV24" s="7"/>
      <c r="FW24" s="7"/>
      <c r="FX24" s="7"/>
      <c r="FY24" s="7"/>
      <c r="FZ24" s="7"/>
      <c r="GA24" s="7"/>
      <c r="GB24" s="7"/>
      <c r="GC24" s="7"/>
      <c r="GD24" s="7"/>
      <c r="GE24" s="7"/>
      <c r="GF24" s="7"/>
      <c r="GG24" s="7"/>
      <c r="GH24" s="7"/>
      <c r="GI24" s="7"/>
      <c r="GJ24" s="7"/>
      <c r="GK24" s="7"/>
      <c r="GL24" s="7"/>
      <c r="GM24" s="7"/>
      <c r="GN24" s="7"/>
      <c r="GO24" s="7"/>
      <c r="GP24" s="7"/>
      <c r="GQ24" s="7"/>
      <c r="GR24" s="7"/>
      <c r="GS24" s="7"/>
      <c r="GT24" s="7"/>
      <c r="GU24" s="7"/>
      <c r="GV24" s="7"/>
      <c r="GW24" s="7"/>
      <c r="GX24" s="7"/>
      <c r="GY24" s="7"/>
      <c r="GZ24" s="7"/>
      <c r="HA24" s="7"/>
      <c r="HB24" s="7"/>
      <c r="HC24" s="7"/>
      <c r="HD24" s="7"/>
      <c r="HE24" s="7"/>
      <c r="HF24" s="7"/>
      <c r="HG24" s="7"/>
      <c r="HH24" s="7"/>
      <c r="HI24" s="7"/>
      <c r="HJ24" s="7"/>
      <c r="HK24" s="7"/>
      <c r="HL24" s="7"/>
      <c r="HM24" s="7"/>
      <c r="HN24" s="7"/>
      <c r="HO24" s="7"/>
      <c r="HP24" s="7"/>
      <c r="HQ24" s="7"/>
      <c r="HR24" s="7"/>
      <c r="HS24" s="7"/>
      <c r="HT24" s="7"/>
      <c r="HU24" s="7"/>
      <c r="HV24" s="7"/>
      <c r="HW24" s="7"/>
      <c r="HX24" s="7"/>
      <c r="HY24" s="7"/>
      <c r="HZ24" s="7"/>
      <c r="IA24" s="7"/>
      <c r="IB24" s="7"/>
      <c r="IC24" s="7"/>
      <c r="ID24" s="7"/>
      <c r="IE24" s="7"/>
      <c r="IF24" s="7"/>
      <c r="IG24" s="7"/>
      <c r="IH24" s="7"/>
      <c r="II24" s="7"/>
      <c r="IJ24" s="7"/>
      <c r="IK24" s="7"/>
      <c r="IL24" s="7"/>
      <c r="IM24" s="7"/>
      <c r="IN24" s="7"/>
      <c r="IO24" s="7"/>
      <c r="IP24" s="7"/>
      <c r="IQ24" s="7"/>
      <c r="IR24" s="7"/>
      <c r="IS24" s="7"/>
      <c r="IT24" s="7"/>
    </row>
    <row r="25" spans="1:254" x14ac:dyDescent="0.25">
      <c r="A25" s="9" t="s">
        <v>73</v>
      </c>
      <c r="B25" s="9" t="s">
        <v>154</v>
      </c>
      <c r="C25" s="10">
        <v>34026</v>
      </c>
      <c r="D25" s="11" t="s">
        <v>155</v>
      </c>
      <c r="E25" s="11"/>
      <c r="F25" s="12" t="s">
        <v>91</v>
      </c>
      <c r="G25" s="13" t="s">
        <v>67</v>
      </c>
      <c r="H25" s="9"/>
      <c r="I25" s="12"/>
      <c r="J25" s="13"/>
      <c r="K25" s="9" t="s">
        <v>73</v>
      </c>
      <c r="L25" s="12" t="s">
        <v>129</v>
      </c>
      <c r="M25" s="13" t="s">
        <v>67</v>
      </c>
      <c r="N25" s="9"/>
      <c r="O25" s="12"/>
      <c r="P25" s="13"/>
      <c r="Q25" s="9"/>
      <c r="R25" s="12"/>
      <c r="S25" s="13"/>
      <c r="T25" s="9"/>
      <c r="U25" s="12"/>
      <c r="V25" s="13"/>
      <c r="W25" s="9"/>
      <c r="X25" s="12"/>
      <c r="Y25" s="13"/>
      <c r="Z25" s="9"/>
      <c r="AA25" s="12"/>
      <c r="AB25" s="13"/>
      <c r="AC25" s="9"/>
      <c r="AD25" s="12"/>
      <c r="AE25" s="13"/>
      <c r="AF25" s="9"/>
      <c r="AG25" s="12"/>
      <c r="AH25" s="13"/>
      <c r="AI25" s="9"/>
      <c r="AJ25" s="12"/>
      <c r="AK25" s="13"/>
      <c r="AL25" s="9"/>
      <c r="AM25" s="12"/>
      <c r="AN25" s="13"/>
      <c r="AO25" s="9"/>
      <c r="AP25" s="12"/>
      <c r="AQ25" s="13"/>
      <c r="AR25" s="9"/>
      <c r="AS25" s="12"/>
      <c r="AT25" s="13"/>
      <c r="AU25" s="9"/>
      <c r="AV25" s="9"/>
      <c r="AW25" s="13"/>
      <c r="AX25" s="12"/>
      <c r="AY25" s="12"/>
      <c r="AZ25" s="12"/>
      <c r="BA25" s="12"/>
      <c r="BB25" s="12"/>
      <c r="BC25" s="12"/>
      <c r="BD25" s="9"/>
      <c r="BE25" s="9"/>
      <c r="BF25" s="9"/>
      <c r="BG25" s="9"/>
      <c r="BH25" s="9"/>
      <c r="BI25" s="9"/>
      <c r="BJ25" s="9"/>
      <c r="BK25" s="9"/>
      <c r="BL25" s="9"/>
      <c r="BM25" s="9"/>
      <c r="BN25" s="9"/>
      <c r="BO25" s="9"/>
      <c r="BP25" s="9"/>
      <c r="BQ25" s="9"/>
      <c r="BR25" s="9"/>
      <c r="BS25" s="9"/>
      <c r="BT25" s="9"/>
      <c r="BU25" s="9"/>
      <c r="BV25" s="9"/>
      <c r="BW25" s="9"/>
      <c r="BX25" s="9"/>
      <c r="BY25" s="9"/>
      <c r="BZ25" s="9"/>
      <c r="CA25" s="9"/>
      <c r="CB25" s="9"/>
      <c r="CC25" s="9"/>
      <c r="CD25" s="9"/>
      <c r="CE25" s="9"/>
      <c r="CF25" s="9"/>
      <c r="CG25" s="9"/>
      <c r="CH25" s="9"/>
      <c r="CI25" s="9"/>
      <c r="CJ25" s="9"/>
      <c r="CK25" s="9"/>
      <c r="CL25" s="9"/>
      <c r="CM25" s="9"/>
      <c r="CN25" s="9"/>
      <c r="CO25" s="9"/>
      <c r="CP25" s="9"/>
      <c r="CQ25" s="9"/>
      <c r="CR25" s="9"/>
      <c r="CS25" s="9"/>
      <c r="CT25" s="9"/>
      <c r="CU25" s="9"/>
      <c r="CV25" s="9"/>
      <c r="CW25" s="9"/>
      <c r="CX25" s="9"/>
      <c r="CY25" s="9"/>
      <c r="CZ25" s="9"/>
      <c r="DA25" s="9"/>
      <c r="DB25" s="9"/>
      <c r="DC25" s="9"/>
      <c r="DD25" s="9"/>
      <c r="DE25" s="9"/>
      <c r="DF25" s="9"/>
      <c r="DG25" s="9"/>
      <c r="DH25" s="9"/>
      <c r="DI25" s="9"/>
      <c r="DJ25" s="9"/>
      <c r="DK25" s="9"/>
      <c r="DL25" s="9"/>
      <c r="DM25" s="9"/>
      <c r="DN25" s="9"/>
      <c r="DO25" s="9"/>
      <c r="DP25" s="9"/>
      <c r="DQ25" s="9"/>
      <c r="DR25" s="9"/>
      <c r="DS25" s="9"/>
      <c r="DT25" s="9"/>
      <c r="DU25" s="9"/>
      <c r="DV25" s="9"/>
      <c r="DW25" s="9"/>
      <c r="DX25" s="9"/>
      <c r="DY25" s="9"/>
      <c r="DZ25" s="9"/>
      <c r="EA25" s="9"/>
      <c r="EB25" s="9"/>
      <c r="EC25" s="9"/>
      <c r="ED25" s="9"/>
      <c r="EE25" s="9"/>
      <c r="EF25" s="9"/>
      <c r="EG25" s="9"/>
      <c r="EH25" s="9"/>
      <c r="EI25" s="9"/>
      <c r="EJ25" s="9"/>
      <c r="EK25" s="9"/>
      <c r="EL25" s="9"/>
      <c r="EM25" s="9"/>
      <c r="EN25" s="9"/>
      <c r="EO25" s="9"/>
      <c r="EP25" s="9"/>
      <c r="EQ25" s="9"/>
      <c r="ER25" s="9"/>
      <c r="ES25" s="9"/>
      <c r="ET25" s="9"/>
      <c r="EU25" s="9"/>
      <c r="EV25" s="9"/>
      <c r="EW25" s="9"/>
      <c r="EX25" s="9"/>
      <c r="EY25" s="9"/>
      <c r="EZ25" s="9"/>
      <c r="FA25" s="9"/>
      <c r="FB25" s="9"/>
      <c r="FC25" s="9"/>
      <c r="FD25" s="9"/>
      <c r="FE25" s="9"/>
      <c r="FF25" s="9"/>
      <c r="FG25" s="9"/>
      <c r="FH25" s="9"/>
      <c r="FI25" s="9"/>
      <c r="FJ25" s="9"/>
      <c r="FK25" s="9"/>
      <c r="FL25" s="9"/>
      <c r="FM25" s="9"/>
      <c r="FN25" s="9"/>
      <c r="FO25" s="9"/>
      <c r="FP25" s="9"/>
      <c r="FQ25" s="9"/>
      <c r="FR25" s="9"/>
      <c r="FS25" s="9"/>
      <c r="FT25" s="9"/>
      <c r="FU25" s="9"/>
      <c r="FV25" s="9"/>
      <c r="FW25" s="9"/>
      <c r="FX25" s="9"/>
      <c r="FY25" s="9"/>
      <c r="FZ25" s="9"/>
      <c r="GA25" s="9"/>
      <c r="GB25" s="9"/>
      <c r="GC25" s="9"/>
      <c r="GD25" s="9"/>
      <c r="GE25" s="9"/>
      <c r="GF25" s="9"/>
      <c r="GG25" s="9"/>
      <c r="GH25" s="9"/>
      <c r="GI25" s="9"/>
      <c r="GJ25" s="9"/>
      <c r="GK25" s="9"/>
      <c r="GL25" s="9"/>
      <c r="GM25" s="9"/>
      <c r="GN25" s="9"/>
      <c r="GO25" s="9"/>
      <c r="GP25" s="9"/>
      <c r="GQ25" s="9"/>
      <c r="GR25" s="9"/>
      <c r="GS25" s="9"/>
      <c r="GT25" s="9"/>
      <c r="GU25" s="9"/>
      <c r="GV25" s="9"/>
      <c r="GW25" s="9"/>
      <c r="GX25" s="9"/>
      <c r="GY25" s="9"/>
      <c r="GZ25" s="9"/>
      <c r="HA25" s="9"/>
      <c r="HB25" s="9"/>
      <c r="HC25" s="9"/>
      <c r="HD25" s="9"/>
      <c r="HE25" s="9"/>
      <c r="HF25" s="9"/>
      <c r="HG25" s="9"/>
      <c r="HH25" s="9"/>
      <c r="HI25" s="9"/>
      <c r="HJ25" s="9"/>
      <c r="HK25" s="9"/>
      <c r="HL25" s="9"/>
      <c r="HM25" s="9"/>
      <c r="HN25" s="9"/>
      <c r="HO25" s="9"/>
      <c r="HP25" s="9"/>
      <c r="HQ25" s="9"/>
      <c r="HR25" s="9"/>
      <c r="HS25" s="9"/>
      <c r="HT25" s="9"/>
      <c r="HU25" s="9"/>
      <c r="HV25" s="9"/>
      <c r="HW25" s="9"/>
      <c r="HX25" s="9"/>
      <c r="HY25" s="9"/>
      <c r="HZ25" s="9"/>
      <c r="IA25" s="9"/>
      <c r="IB25" s="9"/>
      <c r="IC25" s="9"/>
      <c r="ID25" s="9"/>
      <c r="IE25" s="9"/>
      <c r="IF25" s="9"/>
      <c r="IG25" s="9"/>
      <c r="IH25" s="9"/>
      <c r="II25" s="9"/>
      <c r="IJ25" s="9"/>
      <c r="IK25" s="9"/>
      <c r="IL25" s="9"/>
      <c r="IM25" s="9"/>
      <c r="IN25" s="9"/>
      <c r="IO25" s="9"/>
      <c r="IP25" s="9"/>
      <c r="IQ25" s="9"/>
      <c r="IR25" s="9"/>
      <c r="IS25" s="9"/>
      <c r="IT25" s="9"/>
    </row>
    <row r="26" spans="1:254" x14ac:dyDescent="0.25">
      <c r="A26" s="9" t="s">
        <v>37</v>
      </c>
      <c r="B26" s="9" t="s">
        <v>156</v>
      </c>
      <c r="C26" s="10">
        <v>33693</v>
      </c>
      <c r="D26" s="11" t="s">
        <v>144</v>
      </c>
      <c r="E26" s="7" t="s">
        <v>157</v>
      </c>
      <c r="F26" s="12" t="s">
        <v>158</v>
      </c>
      <c r="G26" s="13" t="s">
        <v>159</v>
      </c>
      <c r="H26" s="9"/>
      <c r="I26" s="12"/>
      <c r="J26" s="13"/>
      <c r="K26" s="9" t="s">
        <v>37</v>
      </c>
      <c r="L26" s="12" t="s">
        <v>158</v>
      </c>
      <c r="M26" s="13" t="s">
        <v>160</v>
      </c>
      <c r="N26" s="9"/>
      <c r="O26" s="12"/>
      <c r="P26" s="13"/>
      <c r="Q26" s="9"/>
      <c r="R26" s="12"/>
      <c r="S26" s="13"/>
      <c r="T26" s="9"/>
      <c r="U26" s="12"/>
      <c r="V26" s="13"/>
      <c r="W26" s="9"/>
      <c r="X26" s="12"/>
      <c r="Y26" s="13"/>
      <c r="Z26" s="9"/>
      <c r="AA26" s="12"/>
      <c r="AB26" s="13"/>
      <c r="AC26" s="9"/>
      <c r="AD26" s="12"/>
      <c r="AE26" s="13"/>
      <c r="AF26" s="9"/>
      <c r="AG26" s="12"/>
      <c r="AH26" s="13"/>
      <c r="AI26" s="9"/>
      <c r="AJ26" s="12"/>
      <c r="AK26" s="13"/>
      <c r="AL26" s="9"/>
      <c r="AM26" s="12"/>
      <c r="AN26" s="13"/>
      <c r="AO26" s="9"/>
      <c r="AP26" s="12"/>
      <c r="AQ26" s="13"/>
      <c r="AR26" s="9"/>
      <c r="AS26" s="12"/>
      <c r="AT26" s="13"/>
      <c r="AU26" s="9"/>
      <c r="AV26" s="9"/>
      <c r="AW26" s="13"/>
      <c r="AX26" s="12"/>
      <c r="AY26" s="12"/>
      <c r="AZ26" s="12"/>
      <c r="BA26" s="12"/>
      <c r="BB26" s="12"/>
      <c r="BC26" s="12"/>
      <c r="BD26" s="9"/>
      <c r="BE26" s="9"/>
      <c r="BF26" s="9"/>
      <c r="BG26" s="9"/>
      <c r="BH26" s="9"/>
      <c r="BI26" s="9"/>
      <c r="BJ26" s="9"/>
      <c r="BK26" s="9"/>
      <c r="BL26" s="9"/>
      <c r="BM26" s="9"/>
      <c r="BN26" s="9"/>
      <c r="BO26" s="9"/>
      <c r="BP26" s="9"/>
      <c r="BQ26" s="9"/>
      <c r="BR26" s="9"/>
      <c r="BS26" s="9"/>
      <c r="BT26" s="9"/>
      <c r="BU26" s="9"/>
      <c r="BV26" s="9"/>
      <c r="BW26" s="9"/>
      <c r="BX26" s="9"/>
      <c r="BY26" s="9"/>
      <c r="BZ26" s="9"/>
      <c r="CA26" s="9"/>
      <c r="CB26" s="9"/>
      <c r="CC26" s="9"/>
      <c r="CD26" s="9"/>
      <c r="CE26" s="9"/>
      <c r="CF26" s="9"/>
      <c r="CG26" s="9"/>
      <c r="CH26" s="9"/>
      <c r="CI26" s="9"/>
      <c r="CJ26" s="9"/>
      <c r="CK26" s="9"/>
      <c r="CL26" s="9"/>
      <c r="CM26" s="9"/>
      <c r="CN26" s="9"/>
      <c r="CO26" s="9"/>
      <c r="CP26" s="9"/>
      <c r="CQ26" s="9"/>
      <c r="CR26" s="9"/>
      <c r="CS26" s="9"/>
      <c r="CT26" s="9"/>
      <c r="CU26" s="9"/>
      <c r="CV26" s="9"/>
      <c r="CW26" s="9"/>
      <c r="CX26" s="9"/>
      <c r="CY26" s="9"/>
      <c r="CZ26" s="9"/>
      <c r="DA26" s="9"/>
      <c r="DB26" s="9"/>
      <c r="DC26" s="9"/>
      <c r="DD26" s="9"/>
      <c r="DE26" s="9"/>
      <c r="DF26" s="9"/>
      <c r="DG26" s="9"/>
      <c r="DH26" s="9"/>
      <c r="DI26" s="9"/>
      <c r="DJ26" s="9"/>
      <c r="DK26" s="9"/>
      <c r="DL26" s="9"/>
      <c r="DM26" s="9"/>
      <c r="DN26" s="9"/>
      <c r="DO26" s="9"/>
      <c r="DP26" s="9"/>
      <c r="DQ26" s="9"/>
      <c r="DR26" s="9"/>
      <c r="DS26" s="9"/>
      <c r="DT26" s="9"/>
      <c r="DU26" s="9"/>
      <c r="DV26" s="9"/>
      <c r="DW26" s="9"/>
      <c r="DX26" s="9"/>
      <c r="DY26" s="9"/>
      <c r="DZ26" s="9"/>
      <c r="EA26" s="9"/>
      <c r="EB26" s="9"/>
      <c r="EC26" s="9"/>
      <c r="ED26" s="9"/>
      <c r="EE26" s="9"/>
      <c r="EF26" s="9"/>
      <c r="EG26" s="9"/>
      <c r="EH26" s="9"/>
      <c r="EI26" s="9"/>
      <c r="EJ26" s="9"/>
      <c r="EK26" s="9"/>
      <c r="EL26" s="9"/>
      <c r="EM26" s="9"/>
      <c r="EN26" s="9"/>
      <c r="EO26" s="9"/>
      <c r="EP26" s="9"/>
      <c r="EQ26" s="9"/>
      <c r="ER26" s="9"/>
      <c r="ES26" s="9"/>
      <c r="ET26" s="9"/>
      <c r="EU26" s="9"/>
      <c r="EV26" s="9"/>
      <c r="EW26" s="9"/>
      <c r="EX26" s="9"/>
      <c r="EY26" s="9"/>
      <c r="EZ26" s="9"/>
      <c r="FA26" s="9"/>
      <c r="FB26" s="9"/>
      <c r="FC26" s="9"/>
      <c r="FD26" s="9"/>
      <c r="FE26" s="9"/>
      <c r="FF26" s="9"/>
      <c r="FG26" s="9"/>
      <c r="FH26" s="9"/>
      <c r="FI26" s="9"/>
      <c r="FJ26" s="9"/>
      <c r="FK26" s="9"/>
      <c r="FL26" s="9"/>
      <c r="FM26" s="9"/>
      <c r="FN26" s="9"/>
      <c r="FO26" s="9"/>
      <c r="FP26" s="9"/>
      <c r="FQ26" s="9"/>
      <c r="FR26" s="9"/>
      <c r="FS26" s="9"/>
      <c r="FT26" s="9"/>
      <c r="FU26" s="9"/>
      <c r="FV26" s="9"/>
      <c r="FW26" s="9"/>
      <c r="FX26" s="9"/>
      <c r="FY26" s="9"/>
      <c r="FZ26" s="9"/>
      <c r="GA26" s="9"/>
      <c r="GB26" s="9"/>
      <c r="GC26" s="9"/>
      <c r="GD26" s="9"/>
      <c r="GE26" s="9"/>
      <c r="GF26" s="9"/>
      <c r="GG26" s="9"/>
      <c r="GH26" s="9"/>
      <c r="GI26" s="9"/>
      <c r="GJ26" s="9"/>
      <c r="GK26" s="9"/>
      <c r="GL26" s="9"/>
      <c r="GM26" s="9"/>
      <c r="GN26" s="9"/>
      <c r="GO26" s="9"/>
      <c r="GP26" s="9"/>
      <c r="GQ26" s="9"/>
      <c r="GR26" s="9"/>
      <c r="GS26" s="9"/>
      <c r="GT26" s="9"/>
      <c r="GU26" s="9"/>
      <c r="GV26" s="9"/>
      <c r="GW26" s="9"/>
      <c r="GX26" s="9"/>
      <c r="GY26" s="9"/>
      <c r="GZ26" s="9"/>
      <c r="HA26" s="9"/>
      <c r="HB26" s="9"/>
      <c r="HC26" s="9"/>
      <c r="HD26" s="9"/>
      <c r="HE26" s="9"/>
      <c r="HF26" s="9"/>
      <c r="HG26" s="9"/>
      <c r="HH26" s="9"/>
      <c r="HI26" s="9"/>
      <c r="HJ26" s="9"/>
      <c r="HK26" s="9"/>
      <c r="HL26" s="9"/>
      <c r="HM26" s="9"/>
      <c r="HN26" s="9"/>
      <c r="HO26" s="9"/>
      <c r="HP26" s="9"/>
      <c r="HQ26" s="9"/>
      <c r="HR26" s="9"/>
      <c r="HS26" s="9"/>
      <c r="HT26" s="9"/>
      <c r="HU26" s="9"/>
      <c r="HV26" s="9"/>
      <c r="HW26" s="9"/>
      <c r="HX26" s="9"/>
      <c r="HY26" s="9"/>
      <c r="HZ26" s="9"/>
      <c r="IA26" s="9"/>
      <c r="IB26" s="9"/>
      <c r="IC26" s="9"/>
      <c r="ID26" s="9"/>
      <c r="IE26" s="9"/>
      <c r="IF26" s="9"/>
      <c r="IG26" s="9"/>
      <c r="IH26" s="9"/>
      <c r="II26" s="9"/>
      <c r="IJ26" s="9"/>
      <c r="IK26" s="9"/>
      <c r="IL26" s="9"/>
      <c r="IM26" s="9"/>
      <c r="IN26" s="9"/>
      <c r="IO26" s="9"/>
      <c r="IP26" s="9"/>
      <c r="IQ26" s="9"/>
      <c r="IR26" s="9"/>
      <c r="IS26" s="9"/>
      <c r="IT26" s="9"/>
    </row>
    <row r="27" spans="1:254" x14ac:dyDescent="0.25">
      <c r="A27" s="25" t="s">
        <v>25</v>
      </c>
      <c r="B27" s="1" t="s">
        <v>161</v>
      </c>
      <c r="C27" s="2">
        <v>33264</v>
      </c>
      <c r="D27" s="8" t="s">
        <v>144</v>
      </c>
      <c r="E27" s="26" t="s">
        <v>162</v>
      </c>
      <c r="F27" s="26" t="s">
        <v>21</v>
      </c>
      <c r="G27" s="19" t="s">
        <v>30</v>
      </c>
      <c r="H27" s="25"/>
      <c r="I27" s="26"/>
      <c r="J27" s="19"/>
      <c r="K27" s="25" t="s">
        <v>25</v>
      </c>
      <c r="L27" s="26" t="s">
        <v>71</v>
      </c>
      <c r="M27" s="19" t="s">
        <v>30</v>
      </c>
      <c r="N27" s="1" t="s">
        <v>25</v>
      </c>
      <c r="O27" s="1" t="s">
        <v>82</v>
      </c>
      <c r="P27" s="19" t="s">
        <v>30</v>
      </c>
    </row>
    <row r="28" spans="1:254" x14ac:dyDescent="0.25">
      <c r="A28" s="1" t="s">
        <v>127</v>
      </c>
      <c r="B28" s="1" t="s">
        <v>163</v>
      </c>
      <c r="C28" s="2">
        <v>33367</v>
      </c>
      <c r="D28" s="8" t="s">
        <v>144</v>
      </c>
      <c r="E28" s="3" t="s">
        <v>164</v>
      </c>
      <c r="F28" s="1" t="s">
        <v>29</v>
      </c>
      <c r="G28" s="19" t="s">
        <v>19</v>
      </c>
      <c r="H28" s="1"/>
      <c r="I28" s="1"/>
      <c r="J28" s="19"/>
      <c r="K28" s="1" t="s">
        <v>127</v>
      </c>
      <c r="L28" s="1" t="s">
        <v>165</v>
      </c>
      <c r="M28" s="19" t="s">
        <v>18</v>
      </c>
      <c r="N28" s="1" t="s">
        <v>60</v>
      </c>
      <c r="O28" s="1" t="s">
        <v>165</v>
      </c>
      <c r="P28" s="19" t="s">
        <v>18</v>
      </c>
    </row>
    <row r="29" spans="1:254" x14ac:dyDescent="0.25">
      <c r="A29" s="25" t="s">
        <v>135</v>
      </c>
      <c r="B29" s="1" t="s">
        <v>166</v>
      </c>
      <c r="C29" s="2">
        <v>32280</v>
      </c>
      <c r="D29" s="8" t="s">
        <v>167</v>
      </c>
      <c r="E29" s="3" t="s">
        <v>168</v>
      </c>
      <c r="F29" s="1" t="s">
        <v>77</v>
      </c>
      <c r="G29" s="19" t="s">
        <v>18</v>
      </c>
      <c r="H29" s="25"/>
      <c r="I29" s="1"/>
      <c r="J29" s="19"/>
      <c r="K29" s="25" t="s">
        <v>135</v>
      </c>
      <c r="L29" s="1" t="s">
        <v>41</v>
      </c>
      <c r="M29" s="19" t="s">
        <v>123</v>
      </c>
      <c r="N29" s="25" t="s">
        <v>17</v>
      </c>
      <c r="O29" s="1" t="s">
        <v>100</v>
      </c>
      <c r="P29" s="19" t="s">
        <v>18</v>
      </c>
    </row>
    <row r="30" spans="1:254" x14ac:dyDescent="0.25">
      <c r="A30" s="1" t="s">
        <v>74</v>
      </c>
      <c r="B30" s="1" t="s">
        <v>169</v>
      </c>
      <c r="C30" s="2">
        <v>33518</v>
      </c>
      <c r="D30" s="8" t="s">
        <v>170</v>
      </c>
      <c r="E30" s="1" t="s">
        <v>90</v>
      </c>
      <c r="F30" s="18" t="s">
        <v>130</v>
      </c>
      <c r="G30" s="19" t="s">
        <v>67</v>
      </c>
      <c r="H30" s="1"/>
      <c r="I30" s="18"/>
      <c r="J30" s="19"/>
      <c r="K30" s="1" t="s">
        <v>73</v>
      </c>
      <c r="L30" s="18" t="s">
        <v>43</v>
      </c>
      <c r="M30" s="19" t="s">
        <v>67</v>
      </c>
      <c r="N30" s="1" t="s">
        <v>62</v>
      </c>
      <c r="O30" s="18" t="s">
        <v>43</v>
      </c>
      <c r="P30" s="19" t="s">
        <v>67</v>
      </c>
    </row>
    <row r="31" spans="1:254" x14ac:dyDescent="0.25">
      <c r="A31" t="s">
        <v>60</v>
      </c>
      <c r="B31" t="s">
        <v>171</v>
      </c>
      <c r="C31" s="2">
        <v>32608</v>
      </c>
      <c r="D31" s="3" t="s">
        <v>102</v>
      </c>
      <c r="E31" s="3" t="s">
        <v>172</v>
      </c>
      <c r="F31" s="3" t="s">
        <v>82</v>
      </c>
      <c r="G31" s="3" t="s">
        <v>18</v>
      </c>
      <c r="I31" s="3"/>
      <c r="J31" s="3"/>
      <c r="L31" s="3"/>
      <c r="M31" s="3"/>
      <c r="O31" s="3"/>
      <c r="P31" s="3"/>
      <c r="R31" s="3"/>
      <c r="S31" s="3"/>
      <c r="U31" s="3"/>
      <c r="V31" s="3"/>
      <c r="W31" t="s">
        <v>118</v>
      </c>
      <c r="X31" s="3" t="s">
        <v>54</v>
      </c>
      <c r="Y31" s="3" t="s">
        <v>15</v>
      </c>
      <c r="AA31" s="3"/>
      <c r="AB31" s="3"/>
      <c r="AD31" s="3"/>
      <c r="AE31" s="3"/>
      <c r="AG31" s="3"/>
      <c r="AH31" s="3"/>
      <c r="AJ31" s="3"/>
      <c r="AK31" s="3"/>
      <c r="AM31" s="3"/>
      <c r="AN31" s="3"/>
      <c r="AP31" s="3"/>
      <c r="AQ31" s="3"/>
      <c r="AS31" s="3"/>
      <c r="AT31" s="4"/>
      <c r="AW31" s="4"/>
      <c r="AX31" s="4"/>
      <c r="AY31" s="4"/>
      <c r="AZ31" s="4"/>
      <c r="BB31" s="5"/>
      <c r="BC31" s="5"/>
    </row>
    <row r="32" spans="1:254" x14ac:dyDescent="0.25">
      <c r="A32" s="1" t="s">
        <v>173</v>
      </c>
      <c r="B32" t="s">
        <v>174</v>
      </c>
      <c r="C32" s="2">
        <v>32535</v>
      </c>
      <c r="D32" s="3" t="s">
        <v>175</v>
      </c>
      <c r="E32" s="3" t="s">
        <v>176</v>
      </c>
      <c r="F32" s="27" t="s">
        <v>158</v>
      </c>
      <c r="G32" s="3" t="s">
        <v>177</v>
      </c>
      <c r="H32" s="1"/>
      <c r="I32" s="27"/>
      <c r="J32" s="3"/>
      <c r="K32" s="1" t="s">
        <v>173</v>
      </c>
      <c r="L32" s="27" t="s">
        <v>29</v>
      </c>
      <c r="M32" s="3" t="s">
        <v>178</v>
      </c>
      <c r="N32" s="1" t="s">
        <v>173</v>
      </c>
      <c r="O32" s="27" t="s">
        <v>69</v>
      </c>
      <c r="P32" s="3" t="s">
        <v>18</v>
      </c>
      <c r="Q32" s="1" t="s">
        <v>173</v>
      </c>
      <c r="R32" s="27" t="s">
        <v>69</v>
      </c>
      <c r="S32" s="3" t="s">
        <v>15</v>
      </c>
      <c r="T32" t="s">
        <v>173</v>
      </c>
      <c r="U32" s="3" t="s">
        <v>69</v>
      </c>
      <c r="V32" s="3" t="s">
        <v>18</v>
      </c>
      <c r="W32" t="s">
        <v>173</v>
      </c>
      <c r="X32" s="3" t="s">
        <v>69</v>
      </c>
      <c r="Y32" s="3" t="s">
        <v>120</v>
      </c>
      <c r="AA32" s="3"/>
      <c r="AB32" s="3"/>
      <c r="AD32" s="3"/>
      <c r="AE32" s="3"/>
      <c r="AG32" s="3"/>
      <c r="AH32" s="3"/>
      <c r="AJ32" s="3"/>
      <c r="AK32" s="3"/>
      <c r="AM32" s="3"/>
      <c r="AN32" s="3"/>
      <c r="AP32" s="3"/>
      <c r="AQ32" s="3"/>
      <c r="AS32" s="3"/>
      <c r="AT32" s="4"/>
      <c r="AW32" s="4"/>
      <c r="AX32" s="4"/>
      <c r="AY32" s="4"/>
      <c r="AZ32" s="4"/>
      <c r="BB32" s="5"/>
      <c r="BC32" s="5"/>
      <c r="BD32" s="6"/>
    </row>
    <row r="33" spans="1:254" x14ac:dyDescent="0.25">
      <c r="A33" s="7" t="s">
        <v>136</v>
      </c>
      <c r="B33" s="7" t="s">
        <v>179</v>
      </c>
      <c r="C33" s="14">
        <v>32402</v>
      </c>
      <c r="D33" s="8" t="s">
        <v>180</v>
      </c>
      <c r="E33" s="8" t="s">
        <v>133</v>
      </c>
      <c r="F33" s="8" t="s">
        <v>113</v>
      </c>
      <c r="G33" s="8" t="s">
        <v>18</v>
      </c>
      <c r="H33" s="7"/>
      <c r="I33" s="8"/>
      <c r="J33" s="8"/>
      <c r="K33" s="7" t="s">
        <v>137</v>
      </c>
      <c r="L33" s="8" t="s">
        <v>113</v>
      </c>
      <c r="M33" s="8" t="s">
        <v>18</v>
      </c>
      <c r="N33" s="7" t="s">
        <v>137</v>
      </c>
      <c r="O33" s="8" t="s">
        <v>113</v>
      </c>
      <c r="P33" s="8" t="s">
        <v>120</v>
      </c>
      <c r="Q33" s="7"/>
      <c r="R33" s="8"/>
      <c r="S33" s="8"/>
      <c r="T33" s="7" t="s">
        <v>181</v>
      </c>
      <c r="U33" s="8" t="s">
        <v>113</v>
      </c>
      <c r="V33" s="8" t="s">
        <v>22</v>
      </c>
      <c r="W33" s="7"/>
      <c r="X33" s="8"/>
      <c r="Y33" s="8"/>
      <c r="Z33" s="7"/>
      <c r="AA33" s="8"/>
      <c r="AB33" s="8"/>
      <c r="AC33" s="7"/>
      <c r="AD33" s="8"/>
      <c r="AE33" s="8"/>
      <c r="AF33" s="7"/>
      <c r="AG33" s="8"/>
      <c r="AH33" s="8"/>
      <c r="AI33" s="7"/>
      <c r="AJ33" s="8"/>
      <c r="AK33" s="8"/>
      <c r="AL33" s="7"/>
      <c r="AM33" s="8"/>
      <c r="AN33" s="8"/>
      <c r="AO33" s="7"/>
      <c r="AP33" s="8"/>
      <c r="AQ33" s="8"/>
      <c r="AR33" s="7"/>
      <c r="AS33" s="8"/>
      <c r="AT33" s="15"/>
      <c r="AU33" s="7"/>
      <c r="AV33" s="7"/>
      <c r="AW33" s="15"/>
      <c r="AX33" s="15"/>
      <c r="AY33" s="15"/>
      <c r="AZ33" s="15"/>
      <c r="BA33" s="7"/>
      <c r="BB33" s="16"/>
      <c r="BC33" s="16"/>
      <c r="BD33" s="20"/>
      <c r="BE33" s="7"/>
      <c r="BF33" s="7"/>
      <c r="BG33" s="7"/>
      <c r="BH33" s="7"/>
      <c r="BI33" s="7"/>
      <c r="BJ33" s="7"/>
      <c r="BK33" s="7"/>
      <c r="BL33" s="7"/>
      <c r="BM33" s="7"/>
      <c r="BN33" s="7"/>
      <c r="BO33" s="7"/>
      <c r="BP33" s="7"/>
      <c r="BQ33" s="7"/>
      <c r="BR33" s="7"/>
      <c r="BS33" s="7"/>
      <c r="BT33" s="7"/>
      <c r="BU33" s="7"/>
      <c r="BV33" s="7"/>
      <c r="BW33" s="7"/>
      <c r="BX33" s="7"/>
      <c r="BY33" s="7"/>
      <c r="BZ33" s="7"/>
      <c r="CA33" s="7"/>
      <c r="CB33" s="7"/>
      <c r="CC33" s="7"/>
      <c r="CD33" s="7"/>
      <c r="CE33" s="7"/>
      <c r="CF33" s="7"/>
      <c r="CG33" s="7"/>
      <c r="CH33" s="7"/>
      <c r="CI33" s="7"/>
      <c r="CJ33" s="7"/>
      <c r="CK33" s="7"/>
      <c r="CL33" s="7"/>
      <c r="CM33" s="7"/>
      <c r="CN33" s="7"/>
      <c r="CO33" s="7"/>
      <c r="CP33" s="7"/>
      <c r="CQ33" s="7"/>
      <c r="CR33" s="7"/>
      <c r="CS33" s="7"/>
      <c r="CT33" s="7"/>
      <c r="CU33" s="7"/>
      <c r="CV33" s="7"/>
      <c r="CW33" s="7"/>
      <c r="CX33" s="7"/>
      <c r="CY33" s="7"/>
      <c r="CZ33" s="7"/>
      <c r="DA33" s="7"/>
      <c r="DB33" s="7"/>
      <c r="DC33" s="7"/>
      <c r="DD33" s="7"/>
      <c r="DE33" s="7"/>
      <c r="DF33" s="7"/>
      <c r="DG33" s="7"/>
      <c r="DH33" s="7"/>
      <c r="DI33" s="7"/>
      <c r="DJ33" s="7"/>
      <c r="DK33" s="7"/>
      <c r="DL33" s="7"/>
      <c r="DM33" s="7"/>
      <c r="DN33" s="7"/>
      <c r="DO33" s="7"/>
      <c r="DP33" s="7"/>
      <c r="DQ33" s="7"/>
      <c r="DR33" s="7"/>
      <c r="DS33" s="7"/>
      <c r="DT33" s="7"/>
      <c r="DU33" s="7"/>
      <c r="DV33" s="7"/>
      <c r="DW33" s="7"/>
      <c r="DX33" s="7"/>
      <c r="DY33" s="7"/>
      <c r="DZ33" s="7"/>
      <c r="EA33" s="7"/>
      <c r="EB33" s="7"/>
      <c r="EC33" s="7"/>
      <c r="ED33" s="7"/>
      <c r="EE33" s="7"/>
      <c r="EF33" s="7"/>
      <c r="EG33" s="7"/>
      <c r="EH33" s="7"/>
      <c r="EI33" s="7"/>
      <c r="EJ33" s="7"/>
      <c r="EK33" s="7"/>
      <c r="EL33" s="7"/>
      <c r="EM33" s="7"/>
      <c r="EN33" s="7"/>
      <c r="EO33" s="7"/>
      <c r="EP33" s="7"/>
      <c r="EQ33" s="7"/>
      <c r="ER33" s="7"/>
      <c r="ES33" s="7"/>
      <c r="ET33" s="7"/>
      <c r="EU33" s="7"/>
      <c r="EV33" s="7"/>
      <c r="EW33" s="7"/>
      <c r="EX33" s="7"/>
      <c r="EY33" s="7"/>
      <c r="EZ33" s="7"/>
      <c r="FA33" s="7"/>
      <c r="FB33" s="7"/>
      <c r="FC33" s="7"/>
      <c r="FD33" s="7"/>
      <c r="FE33" s="7"/>
      <c r="FF33" s="7"/>
      <c r="FG33" s="7"/>
      <c r="FH33" s="7"/>
      <c r="FI33" s="7"/>
      <c r="FJ33" s="7"/>
      <c r="FK33" s="7"/>
      <c r="FL33" s="7"/>
      <c r="FM33" s="7"/>
      <c r="FN33" s="7"/>
      <c r="FO33" s="7"/>
      <c r="FP33" s="7"/>
      <c r="FQ33" s="7"/>
      <c r="FR33" s="7"/>
      <c r="FS33" s="7"/>
      <c r="FT33" s="7"/>
      <c r="FU33" s="7"/>
      <c r="FV33" s="7"/>
      <c r="FW33" s="7"/>
      <c r="FX33" s="7"/>
      <c r="FY33" s="7"/>
      <c r="FZ33" s="7"/>
      <c r="GA33" s="7"/>
      <c r="GB33" s="7"/>
      <c r="GC33" s="7"/>
      <c r="GD33" s="7"/>
      <c r="GE33" s="7"/>
      <c r="GF33" s="7"/>
      <c r="GG33" s="7"/>
      <c r="GH33" s="7"/>
      <c r="GI33" s="7"/>
      <c r="GJ33" s="7"/>
      <c r="GK33" s="7"/>
      <c r="GL33" s="7"/>
      <c r="GM33" s="7"/>
      <c r="GN33" s="7"/>
      <c r="GO33" s="7"/>
      <c r="GP33" s="7"/>
      <c r="GQ33" s="7"/>
      <c r="GR33" s="7"/>
      <c r="GS33" s="7"/>
      <c r="GT33" s="7"/>
      <c r="GU33" s="7"/>
      <c r="GV33" s="7"/>
      <c r="GW33" s="7"/>
      <c r="GX33" s="7"/>
      <c r="GY33" s="7"/>
      <c r="GZ33" s="7"/>
      <c r="HA33" s="7"/>
      <c r="HB33" s="7"/>
      <c r="HC33" s="7"/>
      <c r="HD33" s="7"/>
      <c r="HE33" s="7"/>
      <c r="HF33" s="7"/>
      <c r="HG33" s="7"/>
      <c r="HH33" s="7"/>
      <c r="HI33" s="7"/>
      <c r="HJ33" s="7"/>
      <c r="HK33" s="7"/>
      <c r="HL33" s="7"/>
      <c r="HM33" s="7"/>
      <c r="HN33" s="7"/>
      <c r="HO33" s="7"/>
      <c r="HP33" s="7"/>
      <c r="HQ33" s="7"/>
      <c r="HR33" s="7"/>
      <c r="HS33" s="7"/>
      <c r="HT33" s="7"/>
      <c r="HU33" s="7"/>
      <c r="HV33" s="7"/>
      <c r="HW33" s="7"/>
      <c r="HX33" s="7"/>
      <c r="HY33" s="7"/>
      <c r="HZ33" s="7"/>
      <c r="IA33" s="7"/>
      <c r="IB33" s="7"/>
      <c r="IC33" s="7"/>
      <c r="ID33" s="7"/>
      <c r="IE33" s="7"/>
      <c r="IF33" s="7"/>
      <c r="IG33" s="7"/>
      <c r="IH33" s="7"/>
      <c r="II33" s="7"/>
      <c r="IJ33" s="7"/>
      <c r="IK33" s="7"/>
      <c r="IL33" s="7"/>
      <c r="IM33" s="7"/>
      <c r="IN33" s="7"/>
      <c r="IO33" s="7"/>
      <c r="IP33" s="7"/>
      <c r="IQ33" s="7"/>
      <c r="IR33" s="7"/>
      <c r="IS33" s="7"/>
      <c r="IT33" s="7"/>
    </row>
    <row r="34" spans="1:254" x14ac:dyDescent="0.25">
      <c r="A34" s="1" t="s">
        <v>37</v>
      </c>
      <c r="B34" s="1" t="s">
        <v>182</v>
      </c>
      <c r="C34" s="2">
        <v>33702</v>
      </c>
      <c r="D34" s="8" t="s">
        <v>144</v>
      </c>
      <c r="F34" s="1" t="s">
        <v>82</v>
      </c>
      <c r="G34" s="19" t="s">
        <v>183</v>
      </c>
      <c r="H34" s="1"/>
      <c r="I34" s="1"/>
      <c r="J34" s="19"/>
      <c r="K34" s="1"/>
      <c r="L34" s="1"/>
      <c r="M34" s="19"/>
      <c r="N34" s="1" t="s">
        <v>62</v>
      </c>
      <c r="O34" s="1" t="s">
        <v>82</v>
      </c>
      <c r="P34" s="19" t="s">
        <v>67</v>
      </c>
    </row>
    <row r="35" spans="1:254" x14ac:dyDescent="0.25">
      <c r="A35" s="1" t="s">
        <v>1</v>
      </c>
      <c r="B35" t="s">
        <v>184</v>
      </c>
      <c r="C35" s="2">
        <v>32102</v>
      </c>
      <c r="D35" s="3" t="s">
        <v>185</v>
      </c>
      <c r="E35" s="3" t="s">
        <v>167</v>
      </c>
      <c r="F35" s="27" t="s">
        <v>8</v>
      </c>
      <c r="G35" s="27" t="s">
        <v>186</v>
      </c>
      <c r="H35" s="1"/>
      <c r="I35" s="27"/>
      <c r="J35" s="27"/>
      <c r="K35" s="1" t="s">
        <v>1</v>
      </c>
      <c r="L35" s="27" t="s">
        <v>8</v>
      </c>
      <c r="M35" s="27" t="s">
        <v>186</v>
      </c>
      <c r="N35" s="1" t="s">
        <v>1</v>
      </c>
      <c r="O35" s="27" t="s">
        <v>187</v>
      </c>
      <c r="P35" s="27" t="s">
        <v>186</v>
      </c>
      <c r="Q35" s="1" t="s">
        <v>86</v>
      </c>
      <c r="R35" s="27" t="s">
        <v>187</v>
      </c>
      <c r="S35" s="3" t="s">
        <v>188</v>
      </c>
      <c r="T35" t="s">
        <v>1</v>
      </c>
      <c r="U35" s="3" t="s">
        <v>187</v>
      </c>
      <c r="V35" s="3" t="s">
        <v>6</v>
      </c>
      <c r="W35" t="s">
        <v>1</v>
      </c>
      <c r="X35" s="3" t="s">
        <v>187</v>
      </c>
      <c r="Y35" s="3" t="s">
        <v>6</v>
      </c>
      <c r="AA35" s="3"/>
      <c r="AB35" s="3"/>
      <c r="AD35" s="3"/>
      <c r="AE35" s="3"/>
      <c r="AG35" s="3"/>
      <c r="AH35" s="3"/>
      <c r="AJ35" s="3"/>
      <c r="AK35" s="3"/>
      <c r="AM35" s="3"/>
      <c r="AN35" s="3"/>
      <c r="AP35" s="3"/>
      <c r="AQ35" s="3"/>
      <c r="AS35" s="3"/>
      <c r="AT35" s="4"/>
      <c r="AW35" s="4"/>
      <c r="AX35" s="4"/>
      <c r="AY35" s="4"/>
      <c r="AZ35" s="4"/>
      <c r="BB35" s="5"/>
      <c r="BC35" s="5"/>
      <c r="BD35" s="6"/>
    </row>
    <row r="36" spans="1:254" x14ac:dyDescent="0.25">
      <c r="A36" s="9" t="s">
        <v>25</v>
      </c>
      <c r="B36" s="9" t="s">
        <v>189</v>
      </c>
      <c r="C36" s="10">
        <v>33292</v>
      </c>
      <c r="D36" s="11" t="s">
        <v>190</v>
      </c>
      <c r="E36" s="11" t="s">
        <v>191</v>
      </c>
      <c r="F36" s="12" t="s">
        <v>187</v>
      </c>
      <c r="G36" s="13" t="s">
        <v>30</v>
      </c>
      <c r="H36" s="9"/>
      <c r="I36" s="12"/>
      <c r="J36" s="13"/>
      <c r="K36" s="9" t="s">
        <v>25</v>
      </c>
      <c r="L36" s="12" t="s">
        <v>158</v>
      </c>
      <c r="M36" s="13" t="s">
        <v>30</v>
      </c>
      <c r="N36" s="9"/>
      <c r="O36" s="12"/>
      <c r="P36" s="13"/>
      <c r="Q36" s="9" t="s">
        <v>25</v>
      </c>
      <c r="R36" s="12" t="s">
        <v>158</v>
      </c>
      <c r="S36" s="13" t="s">
        <v>141</v>
      </c>
      <c r="T36" s="9"/>
      <c r="U36" s="12"/>
      <c r="V36" s="13"/>
      <c r="W36" s="9"/>
      <c r="X36" s="12"/>
      <c r="Y36" s="13"/>
      <c r="Z36" s="9"/>
      <c r="AA36" s="12"/>
      <c r="AB36" s="13"/>
      <c r="AC36" s="9"/>
      <c r="AD36" s="12"/>
      <c r="AE36" s="13"/>
      <c r="AF36" s="9"/>
      <c r="AG36" s="12"/>
      <c r="AH36" s="13"/>
      <c r="AI36" s="9"/>
      <c r="AJ36" s="12"/>
      <c r="AK36" s="13"/>
      <c r="AL36" s="9"/>
      <c r="AM36" s="12"/>
      <c r="AN36" s="13"/>
      <c r="AO36" s="9"/>
      <c r="AP36" s="12"/>
      <c r="AQ36" s="13"/>
      <c r="AR36" s="9"/>
      <c r="AS36" s="12"/>
      <c r="AT36" s="13"/>
      <c r="AU36" s="9"/>
      <c r="AV36" s="9"/>
      <c r="AW36" s="13"/>
      <c r="AX36" s="12"/>
      <c r="AY36" s="12"/>
      <c r="AZ36" s="12"/>
      <c r="BA36" s="12"/>
      <c r="BB36" s="12"/>
      <c r="BC36" s="12"/>
    </row>
    <row r="37" spans="1:254" x14ac:dyDescent="0.25">
      <c r="A37" s="7" t="s">
        <v>135</v>
      </c>
      <c r="B37" s="7" t="s">
        <v>192</v>
      </c>
      <c r="C37" s="14">
        <v>32930</v>
      </c>
      <c r="D37" s="8" t="s">
        <v>39</v>
      </c>
      <c r="E37" s="8" t="s">
        <v>193</v>
      </c>
      <c r="F37" s="8" t="s">
        <v>113</v>
      </c>
      <c r="G37" s="8" t="s">
        <v>18</v>
      </c>
      <c r="H37" s="7"/>
      <c r="I37" s="8"/>
      <c r="J37" s="8"/>
      <c r="K37" s="7"/>
      <c r="L37" s="8"/>
      <c r="M37" s="8"/>
      <c r="N37" s="7"/>
      <c r="O37" s="8"/>
      <c r="P37" s="8"/>
      <c r="Q37" s="7"/>
      <c r="R37" s="8"/>
      <c r="S37" s="8"/>
      <c r="T37" s="7" t="s">
        <v>194</v>
      </c>
      <c r="U37" s="8" t="s">
        <v>165</v>
      </c>
      <c r="V37" s="8" t="s">
        <v>18</v>
      </c>
      <c r="W37" s="7"/>
      <c r="X37" s="8"/>
      <c r="Y37" s="8"/>
      <c r="Z37" s="7"/>
      <c r="AA37" s="8"/>
      <c r="AB37" s="8"/>
      <c r="AC37" s="7"/>
      <c r="AD37" s="8"/>
      <c r="AE37" s="8"/>
      <c r="AF37" s="7"/>
      <c r="AG37" s="8"/>
      <c r="AH37" s="8"/>
      <c r="AI37" s="7"/>
      <c r="AJ37" s="8"/>
      <c r="AK37" s="8"/>
      <c r="AL37" s="7"/>
      <c r="AM37" s="8"/>
      <c r="AN37" s="8"/>
      <c r="AO37" s="7"/>
      <c r="AP37" s="8"/>
      <c r="AQ37" s="8"/>
      <c r="AR37" s="7"/>
      <c r="AS37" s="8"/>
      <c r="AT37" s="15"/>
      <c r="AU37" s="7"/>
      <c r="AV37" s="7"/>
      <c r="AW37" s="15"/>
      <c r="AX37" s="15"/>
      <c r="AY37" s="15"/>
      <c r="AZ37" s="15"/>
      <c r="BA37" s="7"/>
      <c r="BB37" s="16"/>
      <c r="BC37" s="16"/>
    </row>
    <row r="38" spans="1:254" x14ac:dyDescent="0.25">
      <c r="A38" s="9" t="s">
        <v>195</v>
      </c>
      <c r="B38" s="9" t="s">
        <v>196</v>
      </c>
      <c r="C38" s="10">
        <v>33325</v>
      </c>
      <c r="D38" s="11" t="s">
        <v>57</v>
      </c>
      <c r="E38" s="11"/>
      <c r="F38" s="12" t="s">
        <v>58</v>
      </c>
      <c r="G38" s="13" t="s">
        <v>197</v>
      </c>
      <c r="H38" s="9"/>
      <c r="I38" s="12"/>
      <c r="J38" s="13"/>
      <c r="K38" s="9" t="s">
        <v>73</v>
      </c>
      <c r="L38" s="12" t="s">
        <v>71</v>
      </c>
      <c r="M38" s="13" t="s">
        <v>67</v>
      </c>
      <c r="N38" s="9"/>
      <c r="O38" s="12"/>
      <c r="P38" s="13"/>
      <c r="Q38" s="9"/>
      <c r="R38" s="12"/>
      <c r="S38" s="13"/>
      <c r="T38" s="9"/>
      <c r="U38" s="12"/>
      <c r="V38" s="13"/>
      <c r="W38" s="9"/>
      <c r="X38" s="12"/>
      <c r="Y38" s="13"/>
      <c r="Z38" s="9"/>
      <c r="AA38" s="12"/>
      <c r="AB38" s="13"/>
      <c r="AC38" s="9"/>
      <c r="AD38" s="12"/>
      <c r="AE38" s="13"/>
      <c r="AF38" s="9"/>
      <c r="AG38" s="12"/>
      <c r="AH38" s="13"/>
      <c r="AI38" s="9"/>
      <c r="AJ38" s="12"/>
      <c r="AK38" s="13"/>
      <c r="AL38" s="9"/>
      <c r="AM38" s="12"/>
      <c r="AN38" s="13"/>
      <c r="AO38" s="9"/>
      <c r="AP38" s="12"/>
      <c r="AQ38" s="13"/>
      <c r="AR38" s="9"/>
      <c r="AS38" s="12"/>
      <c r="AT38" s="13"/>
      <c r="AU38" s="9"/>
      <c r="AV38" s="9"/>
      <c r="AW38" s="13"/>
      <c r="AX38" s="12"/>
      <c r="AY38" s="12"/>
      <c r="AZ38" s="12"/>
      <c r="BA38" s="12"/>
      <c r="BB38" s="12"/>
      <c r="BC38" s="12"/>
      <c r="BD38" s="9"/>
      <c r="BE38" s="9"/>
      <c r="BF38" s="9"/>
      <c r="BG38" s="9"/>
      <c r="BH38" s="9"/>
      <c r="BI38" s="9"/>
      <c r="BJ38" s="9"/>
      <c r="BK38" s="9"/>
      <c r="BL38" s="9"/>
      <c r="BM38" s="9"/>
      <c r="BN38" s="9"/>
      <c r="BO38" s="9"/>
      <c r="BP38" s="9"/>
      <c r="BQ38" s="9"/>
      <c r="BR38" s="9"/>
      <c r="BS38" s="9"/>
      <c r="BT38" s="9"/>
      <c r="BU38" s="9"/>
      <c r="BV38" s="9"/>
      <c r="BW38" s="9"/>
      <c r="BX38" s="9"/>
      <c r="BY38" s="9"/>
      <c r="BZ38" s="9"/>
      <c r="CA38" s="9"/>
      <c r="CB38" s="9"/>
      <c r="CC38" s="9"/>
      <c r="CD38" s="9"/>
      <c r="CE38" s="9"/>
      <c r="CF38" s="9"/>
      <c r="CG38" s="9"/>
      <c r="CH38" s="9"/>
      <c r="CI38" s="9"/>
      <c r="CJ38" s="9"/>
      <c r="CK38" s="9"/>
      <c r="CL38" s="9"/>
      <c r="CM38" s="9"/>
      <c r="CN38" s="9"/>
      <c r="CO38" s="9"/>
      <c r="CP38" s="9"/>
      <c r="CQ38" s="9"/>
      <c r="CR38" s="9"/>
      <c r="CS38" s="9"/>
      <c r="CT38" s="9"/>
      <c r="CU38" s="9"/>
      <c r="CV38" s="9"/>
      <c r="CW38" s="9"/>
      <c r="CX38" s="9"/>
      <c r="CY38" s="9"/>
      <c r="CZ38" s="9"/>
      <c r="DA38" s="9"/>
      <c r="DB38" s="9"/>
      <c r="DC38" s="9"/>
      <c r="DD38" s="9"/>
      <c r="DE38" s="9"/>
      <c r="DF38" s="9"/>
      <c r="DG38" s="9"/>
      <c r="DH38" s="9"/>
      <c r="DI38" s="9"/>
      <c r="DJ38" s="9"/>
      <c r="DK38" s="9"/>
      <c r="DL38" s="9"/>
      <c r="DM38" s="9"/>
      <c r="DN38" s="9"/>
      <c r="DO38" s="9"/>
      <c r="DP38" s="9"/>
      <c r="DQ38" s="9"/>
      <c r="DR38" s="9"/>
      <c r="DS38" s="9"/>
      <c r="DT38" s="9"/>
      <c r="DU38" s="9"/>
      <c r="DV38" s="9"/>
      <c r="DW38" s="9"/>
      <c r="DX38" s="9"/>
      <c r="DY38" s="9"/>
      <c r="DZ38" s="9"/>
      <c r="EA38" s="9"/>
      <c r="EB38" s="9"/>
      <c r="EC38" s="9"/>
      <c r="ED38" s="9"/>
      <c r="EE38" s="9"/>
      <c r="EF38" s="9"/>
      <c r="EG38" s="9"/>
      <c r="EH38" s="9"/>
      <c r="EI38" s="9"/>
      <c r="EJ38" s="9"/>
      <c r="EK38" s="9"/>
      <c r="EL38" s="9"/>
      <c r="EM38" s="9"/>
      <c r="EN38" s="9"/>
      <c r="EO38" s="9"/>
      <c r="EP38" s="9"/>
      <c r="EQ38" s="9"/>
      <c r="ER38" s="9"/>
      <c r="ES38" s="9"/>
      <c r="ET38" s="9"/>
      <c r="EU38" s="9"/>
      <c r="EV38" s="9"/>
      <c r="EW38" s="9"/>
      <c r="EX38" s="9"/>
      <c r="EY38" s="9"/>
      <c r="EZ38" s="9"/>
      <c r="FA38" s="9"/>
      <c r="FB38" s="9"/>
      <c r="FC38" s="9"/>
      <c r="FD38" s="9"/>
      <c r="FE38" s="9"/>
      <c r="FF38" s="9"/>
      <c r="FG38" s="9"/>
      <c r="FH38" s="9"/>
      <c r="FI38" s="9"/>
      <c r="FJ38" s="9"/>
      <c r="FK38" s="9"/>
      <c r="FL38" s="9"/>
      <c r="FM38" s="9"/>
      <c r="FN38" s="9"/>
      <c r="FO38" s="9"/>
      <c r="FP38" s="9"/>
      <c r="FQ38" s="9"/>
      <c r="FR38" s="9"/>
      <c r="FS38" s="9"/>
      <c r="FT38" s="9"/>
      <c r="FU38" s="9"/>
      <c r="FV38" s="9"/>
      <c r="FW38" s="9"/>
      <c r="FX38" s="9"/>
      <c r="FY38" s="9"/>
      <c r="FZ38" s="9"/>
      <c r="GA38" s="9"/>
      <c r="GB38" s="9"/>
      <c r="GC38" s="9"/>
      <c r="GD38" s="9"/>
      <c r="GE38" s="9"/>
      <c r="GF38" s="9"/>
      <c r="GG38" s="9"/>
      <c r="GH38" s="9"/>
      <c r="GI38" s="9"/>
      <c r="GJ38" s="9"/>
      <c r="GK38" s="9"/>
      <c r="GL38" s="9"/>
      <c r="GM38" s="9"/>
      <c r="GN38" s="9"/>
      <c r="GO38" s="9"/>
      <c r="GP38" s="9"/>
      <c r="GQ38" s="9"/>
      <c r="GR38" s="9"/>
      <c r="GS38" s="9"/>
      <c r="GT38" s="9"/>
      <c r="GU38" s="9"/>
      <c r="GV38" s="9"/>
      <c r="GW38" s="9"/>
      <c r="GX38" s="9"/>
      <c r="GY38" s="9"/>
      <c r="GZ38" s="9"/>
      <c r="HA38" s="9"/>
      <c r="HB38" s="9"/>
      <c r="HC38" s="9"/>
      <c r="HD38" s="9"/>
      <c r="HE38" s="9"/>
      <c r="HF38" s="9"/>
      <c r="HG38" s="9"/>
      <c r="HH38" s="9"/>
      <c r="HI38" s="9"/>
      <c r="HJ38" s="9"/>
      <c r="HK38" s="9"/>
      <c r="HL38" s="9"/>
      <c r="HM38" s="9"/>
      <c r="HN38" s="9"/>
      <c r="HO38" s="9"/>
      <c r="HP38" s="9"/>
      <c r="HQ38" s="9"/>
      <c r="HR38" s="9"/>
      <c r="HS38" s="9"/>
      <c r="HT38" s="9"/>
      <c r="HU38" s="9"/>
      <c r="HV38" s="9"/>
      <c r="HW38" s="9"/>
      <c r="HX38" s="9"/>
      <c r="HY38" s="9"/>
      <c r="HZ38" s="9"/>
      <c r="IA38" s="9"/>
      <c r="IB38" s="9"/>
      <c r="IC38" s="9"/>
      <c r="ID38" s="9"/>
      <c r="IE38" s="9"/>
      <c r="IF38" s="9"/>
      <c r="IG38" s="9"/>
      <c r="IH38" s="9"/>
      <c r="II38" s="9"/>
      <c r="IJ38" s="9"/>
      <c r="IK38" s="9"/>
      <c r="IL38" s="9"/>
      <c r="IM38" s="9"/>
      <c r="IN38" s="9"/>
      <c r="IO38" s="9"/>
      <c r="IP38" s="9"/>
      <c r="IQ38" s="9"/>
      <c r="IR38" s="9"/>
      <c r="IS38" s="9"/>
      <c r="IT38" s="9"/>
    </row>
    <row r="39" spans="1:254" x14ac:dyDescent="0.25">
      <c r="A39" s="17" t="s">
        <v>62</v>
      </c>
      <c r="B39" t="s">
        <v>198</v>
      </c>
      <c r="C39" s="2">
        <v>32140</v>
      </c>
      <c r="D39" s="3" t="s">
        <v>199</v>
      </c>
      <c r="E39" s="3" t="s">
        <v>168</v>
      </c>
      <c r="F39" s="27" t="s">
        <v>41</v>
      </c>
      <c r="G39" s="27" t="s">
        <v>67</v>
      </c>
      <c r="H39" s="17"/>
      <c r="I39" s="27"/>
      <c r="J39" s="27"/>
      <c r="K39" s="17" t="s">
        <v>74</v>
      </c>
      <c r="L39" s="27" t="s">
        <v>5</v>
      </c>
      <c r="M39" s="27" t="s">
        <v>67</v>
      </c>
      <c r="N39" s="17"/>
      <c r="O39" s="3"/>
      <c r="P39" s="3"/>
      <c r="Q39" t="s">
        <v>200</v>
      </c>
      <c r="R39" s="3" t="s">
        <v>41</v>
      </c>
      <c r="S39" s="3" t="s">
        <v>201</v>
      </c>
      <c r="T39" t="s">
        <v>202</v>
      </c>
      <c r="U39" s="3" t="s">
        <v>41</v>
      </c>
      <c r="V39" s="3" t="s">
        <v>23</v>
      </c>
      <c r="W39" t="s">
        <v>202</v>
      </c>
      <c r="X39" s="3" t="s">
        <v>41</v>
      </c>
      <c r="Y39" s="3" t="s">
        <v>109</v>
      </c>
      <c r="Z39" t="s">
        <v>73</v>
      </c>
      <c r="AA39" s="3" t="s">
        <v>41</v>
      </c>
      <c r="AB39" s="3" t="s">
        <v>123</v>
      </c>
      <c r="AD39" s="3"/>
      <c r="AE39" s="3"/>
      <c r="AG39" s="3"/>
      <c r="AH39" s="3"/>
      <c r="AJ39" s="3"/>
      <c r="AK39" s="3"/>
      <c r="AM39" s="3"/>
      <c r="AN39" s="3"/>
      <c r="AP39" s="3"/>
      <c r="AQ39" s="3"/>
      <c r="AS39" s="3"/>
      <c r="AT39" s="3"/>
      <c r="AV39" s="2"/>
      <c r="AW39" s="3"/>
      <c r="AX39" s="5"/>
      <c r="AZ39" s="4"/>
      <c r="BA39" s="5"/>
      <c r="BB39" s="5"/>
      <c r="BC39" s="21"/>
    </row>
    <row r="40" spans="1:254" x14ac:dyDescent="0.25">
      <c r="A40" s="9" t="s">
        <v>136</v>
      </c>
      <c r="B40" s="9" t="s">
        <v>203</v>
      </c>
      <c r="C40" s="10">
        <v>34184</v>
      </c>
      <c r="D40" s="11" t="s">
        <v>57</v>
      </c>
      <c r="E40" s="11"/>
      <c r="F40" s="12" t="s">
        <v>204</v>
      </c>
      <c r="G40" s="13" t="s">
        <v>18</v>
      </c>
      <c r="H40" s="9"/>
      <c r="I40" s="12"/>
      <c r="J40" s="13"/>
      <c r="K40" s="9" t="s">
        <v>17</v>
      </c>
      <c r="L40" s="12" t="s">
        <v>100</v>
      </c>
      <c r="M40" s="13" t="s">
        <v>18</v>
      </c>
      <c r="N40" s="9"/>
      <c r="O40" s="12"/>
      <c r="P40" s="13"/>
      <c r="Q40" s="9"/>
      <c r="R40" s="12"/>
      <c r="S40" s="13"/>
      <c r="T40" s="9"/>
      <c r="U40" s="12"/>
      <c r="V40" s="13"/>
      <c r="W40" s="9"/>
      <c r="X40" s="12"/>
      <c r="Y40" s="13"/>
      <c r="Z40" s="9"/>
      <c r="AA40" s="12"/>
      <c r="AB40" s="13"/>
      <c r="AC40" s="9"/>
      <c r="AD40" s="12"/>
      <c r="AE40" s="13"/>
      <c r="AF40" s="9"/>
      <c r="AG40" s="12"/>
      <c r="AH40" s="13"/>
      <c r="AI40" s="9"/>
      <c r="AJ40" s="12"/>
      <c r="AK40" s="13"/>
      <c r="AL40" s="9"/>
      <c r="AM40" s="12"/>
      <c r="AN40" s="13"/>
      <c r="AO40" s="9"/>
      <c r="AP40" s="12"/>
      <c r="AQ40" s="13"/>
      <c r="AR40" s="9"/>
      <c r="AS40" s="12"/>
      <c r="AT40" s="13"/>
      <c r="AU40" s="9"/>
      <c r="AV40" s="9"/>
      <c r="AW40" s="13"/>
      <c r="AX40" s="12"/>
      <c r="AY40" s="12"/>
      <c r="AZ40" s="12"/>
      <c r="BA40" s="12"/>
      <c r="BB40" s="12"/>
      <c r="BC40" s="12"/>
      <c r="BD40" s="9"/>
      <c r="BE40" s="9"/>
      <c r="BF40" s="9"/>
      <c r="BG40" s="9"/>
      <c r="BH40" s="9"/>
      <c r="BI40" s="9"/>
      <c r="BJ40" s="9"/>
      <c r="BK40" s="9"/>
      <c r="BL40" s="9"/>
      <c r="BM40" s="9"/>
      <c r="BN40" s="9"/>
      <c r="BO40" s="9"/>
      <c r="BP40" s="9"/>
      <c r="BQ40" s="9"/>
      <c r="BR40" s="9"/>
      <c r="BS40" s="9"/>
      <c r="BT40" s="9"/>
      <c r="BU40" s="9"/>
      <c r="BV40" s="9"/>
      <c r="BW40" s="9"/>
      <c r="BX40" s="9"/>
      <c r="BY40" s="9"/>
      <c r="BZ40" s="9"/>
      <c r="CA40" s="9"/>
      <c r="CB40" s="9"/>
      <c r="CC40" s="9"/>
      <c r="CD40" s="9"/>
      <c r="CE40" s="9"/>
      <c r="CF40" s="9"/>
      <c r="CG40" s="9"/>
      <c r="CH40" s="9"/>
      <c r="CI40" s="9"/>
      <c r="CJ40" s="9"/>
      <c r="CK40" s="9"/>
      <c r="CL40" s="9"/>
      <c r="CM40" s="9"/>
      <c r="CN40" s="9"/>
      <c r="CO40" s="9"/>
      <c r="CP40" s="9"/>
      <c r="CQ40" s="9"/>
      <c r="CR40" s="9"/>
      <c r="CS40" s="9"/>
      <c r="CT40" s="9"/>
      <c r="CU40" s="9"/>
      <c r="CV40" s="9"/>
      <c r="CW40" s="9"/>
      <c r="CX40" s="9"/>
      <c r="CY40" s="9"/>
      <c r="CZ40" s="9"/>
      <c r="DA40" s="9"/>
      <c r="DB40" s="9"/>
      <c r="DC40" s="9"/>
      <c r="DD40" s="9"/>
      <c r="DE40" s="9"/>
      <c r="DF40" s="9"/>
      <c r="DG40" s="9"/>
      <c r="DH40" s="9"/>
      <c r="DI40" s="9"/>
      <c r="DJ40" s="9"/>
      <c r="DK40" s="9"/>
      <c r="DL40" s="9"/>
      <c r="DM40" s="9"/>
      <c r="DN40" s="9"/>
      <c r="DO40" s="9"/>
      <c r="DP40" s="9"/>
      <c r="DQ40" s="9"/>
      <c r="DR40" s="9"/>
      <c r="DS40" s="9"/>
      <c r="DT40" s="9"/>
      <c r="DU40" s="9"/>
      <c r="DV40" s="9"/>
      <c r="DW40" s="9"/>
      <c r="DX40" s="9"/>
      <c r="DY40" s="9"/>
      <c r="DZ40" s="9"/>
      <c r="EA40" s="9"/>
      <c r="EB40" s="9"/>
      <c r="EC40" s="9"/>
      <c r="ED40" s="9"/>
      <c r="EE40" s="9"/>
      <c r="EF40" s="9"/>
      <c r="EG40" s="9"/>
      <c r="EH40" s="9"/>
      <c r="EI40" s="9"/>
      <c r="EJ40" s="9"/>
      <c r="EK40" s="9"/>
      <c r="EL40" s="9"/>
      <c r="EM40" s="9"/>
      <c r="EN40" s="9"/>
      <c r="EO40" s="9"/>
      <c r="EP40" s="9"/>
      <c r="EQ40" s="9"/>
      <c r="ER40" s="9"/>
      <c r="ES40" s="9"/>
      <c r="ET40" s="9"/>
      <c r="EU40" s="9"/>
      <c r="EV40" s="9"/>
      <c r="EW40" s="9"/>
      <c r="EX40" s="9"/>
      <c r="EY40" s="9"/>
      <c r="EZ40" s="9"/>
      <c r="FA40" s="9"/>
      <c r="FB40" s="9"/>
      <c r="FC40" s="9"/>
      <c r="FD40" s="9"/>
      <c r="FE40" s="9"/>
      <c r="FF40" s="9"/>
      <c r="FG40" s="9"/>
      <c r="FH40" s="9"/>
      <c r="FI40" s="9"/>
      <c r="FJ40" s="9"/>
      <c r="FK40" s="9"/>
      <c r="FL40" s="9"/>
      <c r="FM40" s="9"/>
      <c r="FN40" s="9"/>
      <c r="FO40" s="9"/>
      <c r="FP40" s="9"/>
      <c r="FQ40" s="9"/>
      <c r="FR40" s="9"/>
      <c r="FS40" s="9"/>
      <c r="FT40" s="9"/>
      <c r="FU40" s="9"/>
      <c r="FV40" s="9"/>
      <c r="FW40" s="9"/>
      <c r="FX40" s="9"/>
      <c r="FY40" s="9"/>
      <c r="FZ40" s="9"/>
      <c r="GA40" s="9"/>
      <c r="GB40" s="9"/>
      <c r="GC40" s="9"/>
      <c r="GD40" s="9"/>
      <c r="GE40" s="9"/>
      <c r="GF40" s="9"/>
      <c r="GG40" s="9"/>
      <c r="GH40" s="9"/>
      <c r="GI40" s="9"/>
      <c r="GJ40" s="9"/>
      <c r="GK40" s="9"/>
      <c r="GL40" s="9"/>
      <c r="GM40" s="9"/>
      <c r="GN40" s="9"/>
      <c r="GO40" s="9"/>
      <c r="GP40" s="9"/>
      <c r="GQ40" s="9"/>
      <c r="GR40" s="9"/>
      <c r="GS40" s="9"/>
      <c r="GT40" s="9"/>
      <c r="GU40" s="9"/>
      <c r="GV40" s="9"/>
      <c r="GW40" s="9"/>
      <c r="GX40" s="9"/>
      <c r="GY40" s="9"/>
      <c r="GZ40" s="9"/>
      <c r="HA40" s="9"/>
      <c r="HB40" s="9"/>
      <c r="HC40" s="9"/>
      <c r="HD40" s="9"/>
      <c r="HE40" s="9"/>
      <c r="HF40" s="9"/>
      <c r="HG40" s="9"/>
      <c r="HH40" s="9"/>
      <c r="HI40" s="9"/>
      <c r="HJ40" s="9"/>
      <c r="HK40" s="9"/>
      <c r="HL40" s="9"/>
      <c r="HM40" s="9"/>
      <c r="HN40" s="9"/>
      <c r="HO40" s="9"/>
      <c r="HP40" s="9"/>
      <c r="HQ40" s="9"/>
      <c r="HR40" s="9"/>
      <c r="HS40" s="9"/>
      <c r="HT40" s="9"/>
      <c r="HU40" s="9"/>
      <c r="HV40" s="9"/>
      <c r="HW40" s="9"/>
      <c r="HX40" s="9"/>
      <c r="HY40" s="9"/>
      <c r="HZ40" s="9"/>
      <c r="IA40" s="9"/>
      <c r="IB40" s="9"/>
      <c r="IC40" s="9"/>
      <c r="ID40" s="9"/>
      <c r="IE40" s="9"/>
      <c r="IF40" s="9"/>
      <c r="IG40" s="9"/>
      <c r="IH40" s="9"/>
      <c r="II40" s="9"/>
      <c r="IJ40" s="9"/>
      <c r="IK40" s="9"/>
      <c r="IL40" s="9"/>
      <c r="IM40" s="9"/>
      <c r="IN40" s="9"/>
      <c r="IO40" s="9"/>
      <c r="IP40" s="9"/>
      <c r="IQ40" s="9"/>
      <c r="IR40" s="9"/>
      <c r="IS40" s="9"/>
      <c r="IT40" s="9"/>
    </row>
    <row r="41" spans="1:254" x14ac:dyDescent="0.25">
      <c r="A41" s="9" t="s">
        <v>25</v>
      </c>
      <c r="B41" s="9" t="s">
        <v>205</v>
      </c>
      <c r="C41" s="10">
        <v>32847</v>
      </c>
      <c r="D41" s="11" t="s">
        <v>116</v>
      </c>
      <c r="E41" s="11" t="s">
        <v>206</v>
      </c>
      <c r="F41" s="12" t="s">
        <v>41</v>
      </c>
      <c r="G41" s="13" t="s">
        <v>30</v>
      </c>
      <c r="H41" s="9"/>
      <c r="I41" s="12"/>
      <c r="J41" s="13"/>
      <c r="K41" s="9" t="s">
        <v>25</v>
      </c>
      <c r="L41" s="12" t="s">
        <v>129</v>
      </c>
      <c r="M41" s="13" t="s">
        <v>30</v>
      </c>
      <c r="N41" s="9" t="s">
        <v>207</v>
      </c>
      <c r="O41" s="12" t="s">
        <v>129</v>
      </c>
      <c r="P41" s="13" t="s">
        <v>141</v>
      </c>
      <c r="Q41" s="9" t="s">
        <v>25</v>
      </c>
      <c r="R41" s="12" t="s">
        <v>129</v>
      </c>
      <c r="S41" s="13" t="s">
        <v>141</v>
      </c>
      <c r="T41" s="9"/>
      <c r="U41" s="12"/>
      <c r="V41" s="13"/>
      <c r="W41" s="9"/>
      <c r="X41" s="12"/>
      <c r="Y41" s="13"/>
      <c r="Z41" s="9"/>
      <c r="AA41" s="12"/>
      <c r="AB41" s="13"/>
      <c r="AC41" s="9"/>
      <c r="AD41" s="12"/>
      <c r="AE41" s="13"/>
      <c r="AF41" s="9"/>
      <c r="AG41" s="12"/>
      <c r="AH41" s="13"/>
      <c r="AI41" s="9"/>
      <c r="AJ41" s="12"/>
      <c r="AK41" s="13"/>
      <c r="AL41" s="9"/>
      <c r="AM41" s="12"/>
      <c r="AN41" s="13"/>
      <c r="AO41" s="9"/>
      <c r="AP41" s="12"/>
      <c r="AQ41" s="13"/>
      <c r="AR41" s="9"/>
      <c r="AS41" s="12"/>
      <c r="AT41" s="13"/>
      <c r="AU41" s="9"/>
      <c r="AV41" s="9"/>
      <c r="AW41" s="13"/>
      <c r="AX41" s="12"/>
      <c r="AY41" s="12"/>
      <c r="AZ41" s="12"/>
      <c r="BA41" s="12"/>
      <c r="BB41" s="12"/>
      <c r="BC41" s="12"/>
    </row>
    <row r="42" spans="1:254" s="7" customFormat="1" x14ac:dyDescent="0.25">
      <c r="A42" s="25" t="s">
        <v>208</v>
      </c>
      <c r="B42" t="s">
        <v>209</v>
      </c>
      <c r="C42" s="2">
        <v>31925</v>
      </c>
      <c r="D42" s="3" t="s">
        <v>185</v>
      </c>
      <c r="E42" s="3" t="s">
        <v>210</v>
      </c>
      <c r="F42" s="27" t="s">
        <v>153</v>
      </c>
      <c r="G42" s="27" t="s">
        <v>211</v>
      </c>
      <c r="H42" s="25"/>
      <c r="I42" s="27"/>
      <c r="J42" s="27"/>
      <c r="K42" s="25" t="s">
        <v>208</v>
      </c>
      <c r="L42" s="27" t="s">
        <v>153</v>
      </c>
      <c r="M42" s="27" t="s">
        <v>212</v>
      </c>
      <c r="N42" s="1" t="s">
        <v>208</v>
      </c>
      <c r="O42" s="27" t="s">
        <v>41</v>
      </c>
      <c r="P42" s="27" t="s">
        <v>213</v>
      </c>
      <c r="Q42"/>
      <c r="R42" s="3"/>
      <c r="S42" s="3"/>
      <c r="T42" t="s">
        <v>208</v>
      </c>
      <c r="U42" s="3" t="s">
        <v>153</v>
      </c>
      <c r="V42" s="3" t="s">
        <v>214</v>
      </c>
      <c r="W42" t="s">
        <v>208</v>
      </c>
      <c r="X42" s="3" t="s">
        <v>153</v>
      </c>
      <c r="Y42" s="3"/>
      <c r="Z42"/>
      <c r="AA42" s="3"/>
      <c r="AB42" s="3"/>
      <c r="AC42"/>
      <c r="AD42" s="3"/>
      <c r="AE42" s="3"/>
      <c r="AF42"/>
      <c r="AG42" s="3"/>
      <c r="AH42" s="3"/>
      <c r="AI42"/>
      <c r="AJ42" s="3"/>
      <c r="AK42" s="3"/>
      <c r="AL42"/>
      <c r="AM42" s="3"/>
      <c r="AN42" s="3"/>
      <c r="AO42"/>
      <c r="AP42" s="3"/>
      <c r="AQ42" s="3"/>
      <c r="AR42"/>
      <c r="AS42" s="3"/>
      <c r="AT42" s="4"/>
      <c r="AU42"/>
      <c r="AV42"/>
      <c r="AW42" s="4"/>
      <c r="AX42" s="4"/>
      <c r="AY42" s="4"/>
      <c r="AZ42" s="4"/>
      <c r="BA42"/>
      <c r="BB42" s="5"/>
      <c r="BC42" s="5"/>
      <c r="BD42" s="6"/>
      <c r="BE42"/>
      <c r="BF42"/>
      <c r="BG42"/>
      <c r="BH42"/>
      <c r="BI42"/>
      <c r="BJ42"/>
      <c r="BK42"/>
      <c r="BL42"/>
      <c r="BM42"/>
      <c r="BN42"/>
      <c r="BO42"/>
      <c r="BP42"/>
      <c r="BQ42"/>
      <c r="BR42"/>
      <c r="BS42"/>
      <c r="BT42"/>
      <c r="BU42"/>
      <c r="BV42"/>
      <c r="BW42"/>
      <c r="BX42"/>
      <c r="BY42"/>
      <c r="BZ42"/>
      <c r="CA42"/>
      <c r="CB42"/>
      <c r="CC42"/>
      <c r="CD42"/>
      <c r="CE42"/>
      <c r="CF42"/>
      <c r="CG42"/>
      <c r="CH42"/>
      <c r="CI42"/>
      <c r="CJ42"/>
      <c r="CK42"/>
      <c r="CL42"/>
      <c r="CM42"/>
      <c r="CN42"/>
      <c r="CO42"/>
      <c r="CP42"/>
      <c r="CQ42"/>
      <c r="CR42"/>
      <c r="CS42"/>
      <c r="CT42"/>
      <c r="CU42"/>
      <c r="CV42"/>
      <c r="CW42"/>
      <c r="CX42"/>
      <c r="CY42"/>
      <c r="CZ42"/>
      <c r="DA42"/>
      <c r="DB42"/>
      <c r="DC42"/>
      <c r="DD42"/>
      <c r="DE42"/>
      <c r="DF42"/>
      <c r="DG42"/>
      <c r="DH42"/>
      <c r="DI42"/>
      <c r="DJ42"/>
      <c r="DK42"/>
      <c r="DL42"/>
      <c r="DM42"/>
      <c r="DN42"/>
      <c r="DO42"/>
      <c r="DP42"/>
      <c r="DQ42"/>
      <c r="DR42"/>
      <c r="DS42"/>
      <c r="DT42"/>
      <c r="DU42"/>
      <c r="DV42"/>
      <c r="DW42"/>
      <c r="DX42"/>
      <c r="DY42"/>
      <c r="DZ42"/>
      <c r="EA42"/>
      <c r="EB42"/>
      <c r="EC42"/>
      <c r="ED42"/>
      <c r="EE42"/>
      <c r="EF42"/>
      <c r="EG42"/>
      <c r="EH42"/>
      <c r="EI42"/>
      <c r="EJ42"/>
      <c r="EK42"/>
      <c r="EL42"/>
      <c r="EM42"/>
      <c r="EN42"/>
      <c r="EO42"/>
      <c r="EP42"/>
      <c r="EQ42"/>
      <c r="ER42"/>
      <c r="ES42"/>
      <c r="ET42"/>
      <c r="EU42"/>
      <c r="EV42"/>
      <c r="EW42"/>
      <c r="EX42"/>
      <c r="EY42"/>
      <c r="EZ42"/>
      <c r="FA42"/>
      <c r="FB42"/>
      <c r="FC42"/>
      <c r="FD42"/>
      <c r="FE42"/>
      <c r="FF42"/>
      <c r="FG42"/>
      <c r="FH42"/>
      <c r="FI42"/>
      <c r="FJ42"/>
      <c r="FK42"/>
      <c r="FL42"/>
      <c r="FM42"/>
      <c r="FN42"/>
      <c r="FO42"/>
      <c r="FP42"/>
      <c r="FQ42"/>
      <c r="FR42"/>
      <c r="FS42"/>
      <c r="FT42"/>
      <c r="FU42"/>
      <c r="FV42"/>
      <c r="FW42"/>
      <c r="FX42"/>
      <c r="FY42"/>
      <c r="FZ42"/>
      <c r="GA42"/>
      <c r="GB42"/>
      <c r="GC42"/>
      <c r="GD42"/>
      <c r="GE42"/>
      <c r="GF42"/>
      <c r="GG42"/>
      <c r="GH42"/>
      <c r="GI42"/>
      <c r="GJ42"/>
      <c r="GK42"/>
      <c r="GL42"/>
      <c r="GM42"/>
      <c r="GN42"/>
      <c r="GO42"/>
      <c r="GP42"/>
      <c r="GQ42"/>
      <c r="GR42"/>
      <c r="GS42"/>
      <c r="GT42"/>
      <c r="GU42"/>
      <c r="GV42"/>
      <c r="GW42"/>
      <c r="GX42"/>
      <c r="GY42"/>
      <c r="GZ42"/>
      <c r="HA42"/>
      <c r="HB42"/>
      <c r="HC42"/>
      <c r="HD42"/>
      <c r="HE42"/>
      <c r="HF42"/>
      <c r="HG42"/>
      <c r="HH42"/>
      <c r="HI42"/>
      <c r="HJ42"/>
      <c r="HK42"/>
      <c r="HL42"/>
      <c r="HM42"/>
      <c r="HN42"/>
      <c r="HO42"/>
      <c r="HP42"/>
      <c r="HQ42"/>
      <c r="HR42"/>
      <c r="HS42"/>
      <c r="HT42"/>
      <c r="HU42"/>
      <c r="HV42"/>
      <c r="HW42"/>
      <c r="HX42"/>
      <c r="HY42"/>
      <c r="HZ42"/>
      <c r="IA42"/>
      <c r="IB42"/>
      <c r="IC42"/>
      <c r="ID42"/>
      <c r="IE42"/>
      <c r="IF42"/>
      <c r="IG42"/>
      <c r="IH42"/>
      <c r="II42"/>
      <c r="IJ42"/>
      <c r="IK42"/>
      <c r="IL42"/>
      <c r="IM42"/>
      <c r="IN42"/>
      <c r="IO42"/>
      <c r="IP42"/>
      <c r="IQ42"/>
      <c r="IR42"/>
      <c r="IS42"/>
      <c r="IT42"/>
    </row>
    <row r="43" spans="1:254" x14ac:dyDescent="0.25">
      <c r="A43" s="9" t="s">
        <v>215</v>
      </c>
      <c r="B43" s="9" t="s">
        <v>216</v>
      </c>
      <c r="C43" s="10">
        <v>33606</v>
      </c>
      <c r="D43" s="11" t="s">
        <v>155</v>
      </c>
      <c r="E43" s="11" t="s">
        <v>155</v>
      </c>
      <c r="F43" s="12" t="s">
        <v>113</v>
      </c>
      <c r="G43" s="13"/>
      <c r="H43" s="9"/>
      <c r="I43" s="12"/>
      <c r="J43" s="13"/>
      <c r="K43" s="9" t="s">
        <v>217</v>
      </c>
      <c r="L43" s="12" t="s">
        <v>31</v>
      </c>
      <c r="M43" s="13"/>
      <c r="N43" s="9"/>
      <c r="O43" s="12"/>
      <c r="P43" s="13"/>
      <c r="Q43" s="9"/>
      <c r="R43" s="12"/>
      <c r="S43" s="13"/>
      <c r="T43" s="9"/>
      <c r="U43" s="12"/>
      <c r="V43" s="13"/>
      <c r="W43" s="9"/>
      <c r="X43" s="12"/>
      <c r="Y43" s="13"/>
      <c r="Z43" s="9"/>
      <c r="AA43" s="12"/>
      <c r="AB43" s="13"/>
      <c r="AC43" s="9"/>
      <c r="AD43" s="12"/>
      <c r="AE43" s="13"/>
      <c r="AF43" s="9"/>
      <c r="AG43" s="12"/>
      <c r="AH43" s="13"/>
      <c r="AI43" s="9"/>
      <c r="AJ43" s="12"/>
      <c r="AK43" s="13"/>
      <c r="AL43" s="9"/>
      <c r="AM43" s="12"/>
      <c r="AN43" s="13"/>
      <c r="AO43" s="9"/>
      <c r="AP43" s="12"/>
      <c r="AQ43" s="13"/>
      <c r="AR43" s="9"/>
      <c r="AS43" s="12"/>
      <c r="AT43" s="13"/>
      <c r="AU43" s="9"/>
      <c r="AV43" s="9"/>
      <c r="AW43" s="13"/>
      <c r="AX43" s="12"/>
      <c r="AY43" s="12"/>
      <c r="AZ43" s="12"/>
      <c r="BA43" s="12"/>
      <c r="BB43" s="12"/>
      <c r="BC43" s="12"/>
      <c r="BD43" s="9"/>
      <c r="BE43" s="9"/>
      <c r="BF43" s="9"/>
      <c r="BG43" s="9"/>
      <c r="BH43" s="9"/>
      <c r="BI43" s="9"/>
      <c r="BJ43" s="9"/>
      <c r="BK43" s="9"/>
      <c r="BL43" s="9"/>
      <c r="BM43" s="9"/>
      <c r="BN43" s="9"/>
      <c r="BO43" s="9"/>
      <c r="BP43" s="9"/>
      <c r="BQ43" s="9"/>
      <c r="BR43" s="9"/>
      <c r="BS43" s="9"/>
      <c r="BT43" s="9"/>
      <c r="BU43" s="9"/>
      <c r="BV43" s="9"/>
      <c r="BW43" s="9"/>
      <c r="BX43" s="9"/>
      <c r="BY43" s="9"/>
      <c r="BZ43" s="9"/>
      <c r="CA43" s="9"/>
      <c r="CB43" s="9"/>
      <c r="CC43" s="9"/>
      <c r="CD43" s="9"/>
      <c r="CE43" s="9"/>
      <c r="CF43" s="9"/>
      <c r="CG43" s="9"/>
      <c r="CH43" s="9"/>
      <c r="CI43" s="9"/>
      <c r="CJ43" s="9"/>
      <c r="CK43" s="9"/>
      <c r="CL43" s="9"/>
      <c r="CM43" s="9"/>
      <c r="CN43" s="9"/>
      <c r="CO43" s="9"/>
      <c r="CP43" s="9"/>
      <c r="CQ43" s="9"/>
      <c r="CR43" s="9"/>
      <c r="CS43" s="9"/>
      <c r="CT43" s="9"/>
      <c r="CU43" s="9"/>
      <c r="CV43" s="9"/>
      <c r="CW43" s="9"/>
      <c r="CX43" s="9"/>
      <c r="CY43" s="9"/>
      <c r="CZ43" s="9"/>
      <c r="DA43" s="9"/>
      <c r="DB43" s="9"/>
      <c r="DC43" s="9"/>
      <c r="DD43" s="9"/>
      <c r="DE43" s="9"/>
      <c r="DF43" s="9"/>
      <c r="DG43" s="9"/>
      <c r="DH43" s="9"/>
      <c r="DI43" s="9"/>
      <c r="DJ43" s="9"/>
      <c r="DK43" s="9"/>
      <c r="DL43" s="9"/>
      <c r="DM43" s="9"/>
      <c r="DN43" s="9"/>
      <c r="DO43" s="9"/>
      <c r="DP43" s="9"/>
      <c r="DQ43" s="9"/>
      <c r="DR43" s="9"/>
      <c r="DS43" s="9"/>
      <c r="DT43" s="9"/>
      <c r="DU43" s="9"/>
      <c r="DV43" s="9"/>
      <c r="DW43" s="9"/>
      <c r="DX43" s="9"/>
      <c r="DY43" s="9"/>
      <c r="DZ43" s="9"/>
      <c r="EA43" s="9"/>
      <c r="EB43" s="9"/>
      <c r="EC43" s="9"/>
      <c r="ED43" s="9"/>
      <c r="EE43" s="9"/>
      <c r="EF43" s="9"/>
      <c r="EG43" s="9"/>
      <c r="EH43" s="9"/>
      <c r="EI43" s="9"/>
      <c r="EJ43" s="9"/>
      <c r="EK43" s="9"/>
      <c r="EL43" s="9"/>
      <c r="EM43" s="9"/>
      <c r="EN43" s="9"/>
      <c r="EO43" s="9"/>
      <c r="EP43" s="9"/>
      <c r="EQ43" s="9"/>
      <c r="ER43" s="9"/>
      <c r="ES43" s="9"/>
      <c r="ET43" s="9"/>
      <c r="EU43" s="9"/>
      <c r="EV43" s="9"/>
      <c r="EW43" s="9"/>
      <c r="EX43" s="9"/>
      <c r="EY43" s="9"/>
      <c r="EZ43" s="9"/>
      <c r="FA43" s="9"/>
      <c r="FB43" s="9"/>
      <c r="FC43" s="9"/>
      <c r="FD43" s="9"/>
      <c r="FE43" s="9"/>
      <c r="FF43" s="9"/>
      <c r="FG43" s="9"/>
      <c r="FH43" s="9"/>
      <c r="FI43" s="9"/>
      <c r="FJ43" s="9"/>
      <c r="FK43" s="9"/>
      <c r="FL43" s="9"/>
      <c r="FM43" s="9"/>
      <c r="FN43" s="9"/>
      <c r="FO43" s="9"/>
      <c r="FP43" s="9"/>
      <c r="FQ43" s="9"/>
      <c r="FR43" s="9"/>
      <c r="FS43" s="9"/>
      <c r="FT43" s="9"/>
      <c r="FU43" s="9"/>
      <c r="FV43" s="9"/>
      <c r="FW43" s="9"/>
      <c r="FX43" s="9"/>
      <c r="FY43" s="9"/>
      <c r="FZ43" s="9"/>
      <c r="GA43" s="9"/>
      <c r="GB43" s="9"/>
      <c r="GC43" s="9"/>
      <c r="GD43" s="9"/>
      <c r="GE43" s="9"/>
      <c r="GF43" s="9"/>
      <c r="GG43" s="9"/>
      <c r="GH43" s="9"/>
      <c r="GI43" s="9"/>
      <c r="GJ43" s="9"/>
      <c r="GK43" s="9"/>
      <c r="GL43" s="9"/>
      <c r="GM43" s="9"/>
      <c r="GN43" s="9"/>
      <c r="GO43" s="9"/>
      <c r="GP43" s="9"/>
      <c r="GQ43" s="9"/>
      <c r="GR43" s="9"/>
      <c r="GS43" s="9"/>
      <c r="GT43" s="9"/>
      <c r="GU43" s="9"/>
      <c r="GV43" s="9"/>
      <c r="GW43" s="9"/>
      <c r="GX43" s="9"/>
      <c r="GY43" s="9"/>
      <c r="GZ43" s="9"/>
      <c r="HA43" s="9"/>
      <c r="HB43" s="9"/>
      <c r="HC43" s="9"/>
      <c r="HD43" s="9"/>
      <c r="HE43" s="9"/>
      <c r="HF43" s="9"/>
      <c r="HG43" s="9"/>
      <c r="HH43" s="9"/>
      <c r="HI43" s="9"/>
      <c r="HJ43" s="9"/>
      <c r="HK43" s="9"/>
      <c r="HL43" s="9"/>
      <c r="HM43" s="9"/>
      <c r="HN43" s="9"/>
      <c r="HO43" s="9"/>
      <c r="HP43" s="9"/>
      <c r="HQ43" s="9"/>
      <c r="HR43" s="9"/>
      <c r="HS43" s="9"/>
      <c r="HT43" s="9"/>
      <c r="HU43" s="9"/>
      <c r="HV43" s="9"/>
      <c r="HW43" s="9"/>
      <c r="HX43" s="9"/>
      <c r="HY43" s="9"/>
      <c r="HZ43" s="9"/>
      <c r="IA43" s="9"/>
      <c r="IB43" s="9"/>
      <c r="IC43" s="9"/>
      <c r="ID43" s="9"/>
      <c r="IE43" s="9"/>
      <c r="IF43" s="9"/>
      <c r="IG43" s="9"/>
      <c r="IH43" s="9"/>
      <c r="II43" s="9"/>
      <c r="IJ43" s="9"/>
      <c r="IK43" s="9"/>
      <c r="IL43" s="9"/>
      <c r="IM43" s="9"/>
      <c r="IN43" s="9"/>
      <c r="IO43" s="9"/>
      <c r="IP43" s="9"/>
      <c r="IQ43" s="9"/>
      <c r="IR43" s="9"/>
      <c r="IS43" s="9"/>
      <c r="IT43" s="9"/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27B920-91BB-453E-A78B-40F187A94AEB}">
  <dimension ref="A1:Q29"/>
  <sheetViews>
    <sheetView tabSelected="1" workbookViewId="0">
      <selection activeCell="A19" sqref="A19"/>
    </sheetView>
  </sheetViews>
  <sheetFormatPr defaultRowHeight="15" x14ac:dyDescent="0.25"/>
  <cols>
    <col min="1" max="1" width="29.85546875" customWidth="1"/>
  </cols>
  <sheetData>
    <row r="1" spans="1:17" x14ac:dyDescent="0.25">
      <c r="A1" t="s">
        <v>295</v>
      </c>
      <c r="Q1" t="s">
        <v>296</v>
      </c>
    </row>
    <row r="2" spans="1:17" x14ac:dyDescent="0.25">
      <c r="B2" t="s">
        <v>104</v>
      </c>
      <c r="C2" t="s">
        <v>124</v>
      </c>
      <c r="D2" t="s">
        <v>77</v>
      </c>
      <c r="E2" t="s">
        <v>21</v>
      </c>
      <c r="F2" t="s">
        <v>130</v>
      </c>
      <c r="G2" t="s">
        <v>126</v>
      </c>
      <c r="H2" t="s">
        <v>69</v>
      </c>
      <c r="I2" t="s">
        <v>53</v>
      </c>
      <c r="J2" t="s">
        <v>8</v>
      </c>
      <c r="K2" t="s">
        <v>139</v>
      </c>
      <c r="L2" t="s">
        <v>158</v>
      </c>
      <c r="M2" t="s">
        <v>43</v>
      </c>
      <c r="N2" t="s">
        <v>294</v>
      </c>
      <c r="O2" t="s">
        <v>58</v>
      </c>
      <c r="Q2" s="5" t="s">
        <v>297</v>
      </c>
    </row>
    <row r="3" spans="1:17" x14ac:dyDescent="0.25">
      <c r="A3" t="s">
        <v>293</v>
      </c>
      <c r="D3" t="s">
        <v>290</v>
      </c>
      <c r="E3" s="32" t="s">
        <v>286</v>
      </c>
      <c r="G3" t="s">
        <v>287</v>
      </c>
      <c r="Q3" s="5" t="s">
        <v>298</v>
      </c>
    </row>
    <row r="4" spans="1:17" x14ac:dyDescent="0.25">
      <c r="A4" t="s">
        <v>292</v>
      </c>
      <c r="C4" t="s">
        <v>273</v>
      </c>
      <c r="D4" t="s">
        <v>286</v>
      </c>
      <c r="G4" s="32" t="s">
        <v>286</v>
      </c>
      <c r="L4" t="s">
        <v>287</v>
      </c>
      <c r="N4" t="s">
        <v>287</v>
      </c>
      <c r="Q4" s="5" t="s">
        <v>299</v>
      </c>
    </row>
    <row r="5" spans="1:17" x14ac:dyDescent="0.25">
      <c r="A5" t="s">
        <v>291</v>
      </c>
      <c r="E5" t="s">
        <v>290</v>
      </c>
      <c r="K5" t="s">
        <v>281</v>
      </c>
      <c r="N5" t="s">
        <v>290</v>
      </c>
      <c r="O5" s="32" t="s">
        <v>286</v>
      </c>
      <c r="Q5" s="5" t="s">
        <v>300</v>
      </c>
    </row>
    <row r="6" spans="1:17" x14ac:dyDescent="0.25">
      <c r="A6" t="s">
        <v>289</v>
      </c>
      <c r="B6" s="32" t="s">
        <v>288</v>
      </c>
      <c r="C6" t="s">
        <v>287</v>
      </c>
      <c r="F6" t="s">
        <v>287</v>
      </c>
      <c r="H6" t="s">
        <v>281</v>
      </c>
      <c r="I6" t="s">
        <v>281</v>
      </c>
      <c r="J6" t="s">
        <v>286</v>
      </c>
      <c r="K6" t="s">
        <v>286</v>
      </c>
      <c r="M6" t="s">
        <v>281</v>
      </c>
      <c r="N6" t="s">
        <v>281</v>
      </c>
      <c r="Q6" s="5" t="s">
        <v>301</v>
      </c>
    </row>
    <row r="7" spans="1:17" x14ac:dyDescent="0.25">
      <c r="A7" t="s">
        <v>285</v>
      </c>
      <c r="C7" s="32" t="s">
        <v>284</v>
      </c>
      <c r="Q7" s="5" t="s">
        <v>302</v>
      </c>
    </row>
    <row r="8" spans="1:17" x14ac:dyDescent="0.25">
      <c r="A8" t="s">
        <v>283</v>
      </c>
      <c r="C8" s="32" t="s">
        <v>276</v>
      </c>
      <c r="N8" t="s">
        <v>273</v>
      </c>
      <c r="Q8" s="5" t="s">
        <v>303</v>
      </c>
    </row>
    <row r="9" spans="1:17" x14ac:dyDescent="0.25">
      <c r="A9" t="s">
        <v>282</v>
      </c>
      <c r="J9" s="32" t="s">
        <v>276</v>
      </c>
      <c r="M9" t="s">
        <v>275</v>
      </c>
      <c r="Q9" s="5" t="s">
        <v>304</v>
      </c>
    </row>
    <row r="10" spans="1:17" x14ac:dyDescent="0.25">
      <c r="A10" t="s">
        <v>280</v>
      </c>
      <c r="H10" t="s">
        <v>279</v>
      </c>
      <c r="N10" s="32" t="s">
        <v>279</v>
      </c>
      <c r="Q10" s="5" t="s">
        <v>305</v>
      </c>
    </row>
    <row r="11" spans="1:17" x14ac:dyDescent="0.25">
      <c r="A11" t="s">
        <v>278</v>
      </c>
      <c r="K11" t="s">
        <v>273</v>
      </c>
      <c r="N11" s="32" t="s">
        <v>276</v>
      </c>
      <c r="Q11" s="5" t="s">
        <v>306</v>
      </c>
    </row>
    <row r="12" spans="1:17" x14ac:dyDescent="0.25">
      <c r="A12" t="s">
        <v>277</v>
      </c>
      <c r="K12" s="32" t="s">
        <v>276</v>
      </c>
      <c r="N12" t="s">
        <v>275</v>
      </c>
      <c r="Q12" s="5" t="s">
        <v>307</v>
      </c>
    </row>
    <row r="13" spans="1:17" x14ac:dyDescent="0.25">
      <c r="A13" t="s">
        <v>274</v>
      </c>
      <c r="J13" s="32" t="s">
        <v>273</v>
      </c>
      <c r="Q13" s="5" t="s">
        <v>308</v>
      </c>
    </row>
    <row r="14" spans="1:17" x14ac:dyDescent="0.25">
      <c r="Q14" s="5" t="s">
        <v>309</v>
      </c>
    </row>
    <row r="15" spans="1:17" x14ac:dyDescent="0.25">
      <c r="Q15" s="5" t="s">
        <v>310</v>
      </c>
    </row>
    <row r="16" spans="1:17" x14ac:dyDescent="0.25">
      <c r="Q16" s="5" t="s">
        <v>311</v>
      </c>
    </row>
    <row r="17" spans="3:17" x14ac:dyDescent="0.25">
      <c r="C17" t="s">
        <v>325</v>
      </c>
      <c r="Q17" s="5" t="s">
        <v>312</v>
      </c>
    </row>
    <row r="18" spans="3:17" x14ac:dyDescent="0.25">
      <c r="Q18" s="5" t="s">
        <v>313</v>
      </c>
    </row>
    <row r="19" spans="3:17" x14ac:dyDescent="0.25">
      <c r="Q19" s="5" t="s">
        <v>314</v>
      </c>
    </row>
    <row r="20" spans="3:17" x14ac:dyDescent="0.25">
      <c r="Q20" s="5" t="s">
        <v>315</v>
      </c>
    </row>
    <row r="21" spans="3:17" x14ac:dyDescent="0.25">
      <c r="Q21" s="5" t="s">
        <v>316</v>
      </c>
    </row>
    <row r="22" spans="3:17" x14ac:dyDescent="0.25">
      <c r="Q22" s="5" t="s">
        <v>317</v>
      </c>
    </row>
    <row r="23" spans="3:17" x14ac:dyDescent="0.25">
      <c r="Q23" s="5" t="s">
        <v>318</v>
      </c>
    </row>
    <row r="24" spans="3:17" x14ac:dyDescent="0.25">
      <c r="Q24" s="5" t="s">
        <v>319</v>
      </c>
    </row>
    <row r="25" spans="3:17" x14ac:dyDescent="0.25">
      <c r="Q25" s="5" t="s">
        <v>320</v>
      </c>
    </row>
    <row r="26" spans="3:17" x14ac:dyDescent="0.25">
      <c r="Q26" s="5" t="s">
        <v>321</v>
      </c>
    </row>
    <row r="27" spans="3:17" x14ac:dyDescent="0.25">
      <c r="Q27" s="5" t="s">
        <v>322</v>
      </c>
    </row>
    <row r="28" spans="3:17" x14ac:dyDescent="0.25">
      <c r="Q28" t="s">
        <v>323</v>
      </c>
    </row>
    <row r="29" spans="3:17" x14ac:dyDescent="0.25">
      <c r="Q29" t="s">
        <v>324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F41 Pool</vt:lpstr>
      <vt:lpstr>F41_Bid_Result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nis C</dc:creator>
  <cp:lastModifiedBy>Dennis C</cp:lastModifiedBy>
  <dcterms:created xsi:type="dcterms:W3CDTF">2018-08-25T15:44:42Z</dcterms:created>
  <dcterms:modified xsi:type="dcterms:W3CDTF">2018-09-02T02:02:31Z</dcterms:modified>
</cp:coreProperties>
</file>